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3.xml" ContentType="application/vnd.openxmlformats-officedocument.theme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"/>
    <p:sldMasterId id="2147483705" r:id="rId4"/>
    <p:sldMasterId id="2147483711" r:id="rId5"/>
    <p:sldMasterId id="2147483726" r:id="rId6"/>
  </p:sldMasterIdLst>
  <p:notesMasterIdLst>
    <p:notesMasterId r:id="rId24"/>
  </p:notesMasterIdLst>
  <p:sldIdLst>
    <p:sldId id="845" r:id="rId7"/>
    <p:sldId id="825" r:id="rId8"/>
    <p:sldId id="414" r:id="rId9"/>
    <p:sldId id="265" r:id="rId10"/>
    <p:sldId id="838" r:id="rId11"/>
    <p:sldId id="841" r:id="rId12"/>
    <p:sldId id="846" r:id="rId13"/>
    <p:sldId id="272" r:id="rId14"/>
    <p:sldId id="273" r:id="rId15"/>
    <p:sldId id="847" r:id="rId16"/>
    <p:sldId id="276" r:id="rId17"/>
    <p:sldId id="844" r:id="rId18"/>
    <p:sldId id="284" r:id="rId19"/>
    <p:sldId id="285" r:id="rId20"/>
    <p:sldId id="288" r:id="rId21"/>
    <p:sldId id="287" r:id="rId22"/>
    <p:sldId id="286" r:id="rId2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4662" autoAdjust="0"/>
  </p:normalViewPr>
  <p:slideViewPr>
    <p:cSldViewPr snapToGrid="0" showGuides="1">
      <p:cViewPr varScale="1">
        <p:scale>
          <a:sx n="79" d="100"/>
          <a:sy n="79" d="100"/>
        </p:scale>
        <p:origin x="542" y="7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slide" Target="slides/slide12.xml"/><Relationship Id="rId26" Type="http://schemas.openxmlformats.org/officeDocument/2006/relationships/viewProps" Target="viewProps.xml"/><Relationship Id="rId3" Type="http://schemas.openxmlformats.org/officeDocument/2006/relationships/slideMaster" Target="slideMasters/slideMaster1.xml"/><Relationship Id="rId21" Type="http://schemas.openxmlformats.org/officeDocument/2006/relationships/slide" Target="slides/slide15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slide" Target="slides/slide11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4.xml"/><Relationship Id="rId11" Type="http://schemas.openxmlformats.org/officeDocument/2006/relationships/slide" Target="slides/slide5.xml"/><Relationship Id="rId24" Type="http://schemas.openxmlformats.org/officeDocument/2006/relationships/notesMaster" Target="notesMasters/notesMaster1.xml"/><Relationship Id="rId5" Type="http://schemas.openxmlformats.org/officeDocument/2006/relationships/slideMaster" Target="slideMasters/slideMaster3.xml"/><Relationship Id="rId15" Type="http://schemas.openxmlformats.org/officeDocument/2006/relationships/slide" Target="slides/slide9.xml"/><Relationship Id="rId23" Type="http://schemas.openxmlformats.org/officeDocument/2006/relationships/slide" Target="slides/slide17.xml"/><Relationship Id="rId28" Type="http://schemas.openxmlformats.org/officeDocument/2006/relationships/tableStyles" Target="tableStyles.xml"/><Relationship Id="rId10" Type="http://schemas.openxmlformats.org/officeDocument/2006/relationships/slide" Target="slides/slide4.xml"/><Relationship Id="rId19" Type="http://schemas.openxmlformats.org/officeDocument/2006/relationships/slide" Target="slides/slide13.xml"/><Relationship Id="rId4" Type="http://schemas.openxmlformats.org/officeDocument/2006/relationships/slideMaster" Target="slideMasters/slideMaster2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slide" Target="slides/slide16.xml"/><Relationship Id="rId27" Type="http://schemas.openxmlformats.org/officeDocument/2006/relationships/theme" Target="theme/theme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6_2">
  <dgm:title val=""/>
  <dgm:desc val=""/>
  <dgm:catLst>
    <dgm:cat type="accent6" pri="11200"/>
  </dgm:catLst>
  <dgm:styleLbl name="node0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6"/>
    </dgm:fillClrLst>
    <dgm:linClrLst meth="repeat">
      <a:schemeClr val="accent6"/>
    </dgm:linClrLst>
    <dgm:effectClrLst/>
    <dgm:txLinClrLst/>
    <dgm:txFillClrLst/>
    <dgm:txEffectClrLst/>
  </dgm:styleLbl>
  <dgm:styleLbl name="lnNode1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6">
        <a:tint val="60000"/>
      </a:schemeClr>
    </dgm:fillClrLst>
    <dgm:linClrLst meth="repeat">
      <a:schemeClr val="accent6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6">
        <a:tint val="60000"/>
      </a:schemeClr>
    </dgm:fillClrLst>
    <dgm:linClrLst meth="repeat">
      <a:schemeClr val="accent6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6">
        <a:tint val="60000"/>
      </a:schemeClr>
    </dgm:fillClrLst>
    <dgm:linClrLst meth="repeat">
      <a:schemeClr val="accent6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6"/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6"/>
    </dgm:fillClrLst>
    <dgm:linClrLst meth="repeat">
      <a:schemeClr val="accent6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6">
        <a:tint val="60000"/>
      </a:schemeClr>
    </dgm:fillClrLst>
    <dgm:linClrLst meth="repeat">
      <a:schemeClr val="accent6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accent6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6"/>
    </dgm:fillClrLst>
    <dgm:linClrLst meth="repeat">
      <a:schemeClr val="accent6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6"/>
    </dgm:fillClrLst>
    <dgm:linClrLst meth="repeat">
      <a:schemeClr val="accent6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6"/>
    </dgm:fillClrLst>
    <dgm:linClrLst meth="repeat">
      <a:schemeClr val="accent6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/>
    </dgm:fillClrLst>
    <dgm:linClrLst meth="repeat">
      <a:schemeClr val="accent6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/>
    </dgm:fillClrLst>
    <dgm:linClrLst meth="repeat">
      <a:schemeClr val="accent6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/>
    </dgm:fillClrLst>
    <dgm:linClrLst meth="repeat">
      <a:schemeClr val="accent6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6">
        <a:alpha val="90000"/>
        <a:tint val="40000"/>
      </a:schemeClr>
    </dgm:fillClrLst>
    <dgm:linClrLst meth="repeat">
      <a:schemeClr val="accent6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6">
        <a:alpha val="90000"/>
        <a:tint val="40000"/>
      </a:schemeClr>
    </dgm:fillClrLst>
    <dgm:linClrLst meth="repeat">
      <a:schemeClr val="accent6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6">
        <a:alpha val="90000"/>
        <a:tint val="40000"/>
      </a:schemeClr>
    </dgm:fillClrLst>
    <dgm:linClrLst meth="repeat">
      <a:schemeClr val="accent6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6">
        <a:tint val="40000"/>
      </a:schemeClr>
    </dgm:fillClrLst>
    <dgm:linClrLst meth="repeat">
      <a:schemeClr val="accent6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6">
        <a:shade val="80000"/>
      </a:schemeClr>
    </dgm:fillClrLst>
    <dgm:linClrLst meth="repeat">
      <a:schemeClr val="accent6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6">
        <a:tint val="50000"/>
        <a:alpha val="40000"/>
      </a:schemeClr>
    </dgm:fillClrLst>
    <dgm:linClrLst meth="repeat">
      <a:schemeClr val="accent6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6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DDAF082-782A-44A2-81E1-70EA31370904}" type="doc">
      <dgm:prSet loTypeId="urn:microsoft.com/office/officeart/2005/8/layout/default" loCatId="list" qsTypeId="urn:microsoft.com/office/officeart/2005/8/quickstyle/simple1" qsCatId="simple" csTypeId="urn:microsoft.com/office/officeart/2005/8/colors/colorful5" csCatId="colorful" phldr="1"/>
      <dgm:spPr/>
      <dgm:t>
        <a:bodyPr/>
        <a:lstStyle/>
        <a:p>
          <a:endParaRPr lang="en-US"/>
        </a:p>
      </dgm:t>
    </dgm:pt>
    <dgm:pt modelId="{6627DF2A-36CA-4879-94FD-E7EB40918664}">
      <dgm:prSet/>
      <dgm:spPr/>
      <dgm:t>
        <a:bodyPr/>
        <a:lstStyle/>
        <a:p>
          <a:r>
            <a:rPr lang="da-DK" i="1" dirty="0"/>
            <a:t>Almindelige domstole står meget stærkt i Danmark med Højesteret som generalistdomstol</a:t>
          </a:r>
          <a:endParaRPr lang="en-US" dirty="0"/>
        </a:p>
      </dgm:t>
    </dgm:pt>
    <dgm:pt modelId="{31CEB991-F51D-4766-AF0E-5620FC3148DF}" type="parTrans" cxnId="{3F3D6D9E-5EA3-46A7-A09F-DF2E35E478E0}">
      <dgm:prSet/>
      <dgm:spPr/>
      <dgm:t>
        <a:bodyPr/>
        <a:lstStyle/>
        <a:p>
          <a:endParaRPr lang="en-US"/>
        </a:p>
      </dgm:t>
    </dgm:pt>
    <dgm:pt modelId="{F0367FEE-7362-4AC5-A3F2-DDACDA312378}" type="sibTrans" cxnId="{3F3D6D9E-5EA3-46A7-A09F-DF2E35E478E0}">
      <dgm:prSet/>
      <dgm:spPr/>
      <dgm:t>
        <a:bodyPr/>
        <a:lstStyle/>
        <a:p>
          <a:endParaRPr lang="en-US"/>
        </a:p>
      </dgm:t>
    </dgm:pt>
    <dgm:pt modelId="{DD73870E-5C2A-434D-BC35-8C601EC4F7E5}">
      <dgm:prSet/>
      <dgm:spPr/>
      <dgm:t>
        <a:bodyPr/>
        <a:lstStyle/>
        <a:p>
          <a:r>
            <a:rPr lang="da-DK"/>
            <a:t>Danmark for lille til forvaltningsdomstole!</a:t>
          </a:r>
          <a:endParaRPr lang="en-US"/>
        </a:p>
      </dgm:t>
    </dgm:pt>
    <dgm:pt modelId="{43DFFE78-D647-441D-B058-2E0A32A773D4}" type="parTrans" cxnId="{CC8CCB0D-3BFB-487B-A589-F568A750CB4D}">
      <dgm:prSet/>
      <dgm:spPr/>
      <dgm:t>
        <a:bodyPr/>
        <a:lstStyle/>
        <a:p>
          <a:endParaRPr lang="en-US"/>
        </a:p>
      </dgm:t>
    </dgm:pt>
    <dgm:pt modelId="{77231745-7126-40C2-9C31-D19C8B6D72C2}" type="sibTrans" cxnId="{CC8CCB0D-3BFB-487B-A589-F568A750CB4D}">
      <dgm:prSet/>
      <dgm:spPr/>
      <dgm:t>
        <a:bodyPr/>
        <a:lstStyle/>
        <a:p>
          <a:endParaRPr lang="en-US"/>
        </a:p>
      </dgm:t>
    </dgm:pt>
    <dgm:pt modelId="{4D453F13-F5F0-4B48-9B64-80A4810997C1}">
      <dgm:prSet/>
      <dgm:spPr/>
      <dgm:t>
        <a:bodyPr/>
        <a:lstStyle/>
        <a:p>
          <a:r>
            <a:rPr lang="en-US" dirty="0"/>
            <a:t>I 1800-tallet </a:t>
          </a:r>
          <a:r>
            <a:rPr lang="en-US" dirty="0" err="1"/>
            <a:t>så</a:t>
          </a:r>
          <a:r>
            <a:rPr lang="en-US" dirty="0"/>
            <a:t> man </a:t>
          </a:r>
          <a:r>
            <a:rPr lang="en-US" dirty="0" err="1"/>
            <a:t>ingen</a:t>
          </a:r>
          <a:r>
            <a:rPr lang="en-US" dirty="0"/>
            <a:t> </a:t>
          </a:r>
          <a:r>
            <a:rPr lang="en-US" dirty="0" err="1"/>
            <a:t>grund</a:t>
          </a:r>
          <a:r>
            <a:rPr lang="en-US" dirty="0"/>
            <a:t> til at </a:t>
          </a:r>
          <a:r>
            <a:rPr lang="en-US" dirty="0" err="1"/>
            <a:t>kontrollere</a:t>
          </a:r>
          <a:r>
            <a:rPr lang="en-US" dirty="0"/>
            <a:t> </a:t>
          </a:r>
          <a:r>
            <a:rPr lang="en-US" dirty="0" err="1"/>
            <a:t>magten</a:t>
          </a:r>
          <a:endParaRPr lang="en-US" dirty="0"/>
        </a:p>
      </dgm:t>
    </dgm:pt>
    <dgm:pt modelId="{EF160EDB-6331-4438-986C-148859E26089}" type="parTrans" cxnId="{A93638A1-B553-42DC-9F43-F9580C8F9DB5}">
      <dgm:prSet/>
      <dgm:spPr/>
      <dgm:t>
        <a:bodyPr/>
        <a:lstStyle/>
        <a:p>
          <a:endParaRPr lang="en-US"/>
        </a:p>
      </dgm:t>
    </dgm:pt>
    <dgm:pt modelId="{FD4DBCBF-8DED-4B84-A4EE-4603972C2609}" type="sibTrans" cxnId="{A93638A1-B553-42DC-9F43-F9580C8F9DB5}">
      <dgm:prSet/>
      <dgm:spPr/>
      <dgm:t>
        <a:bodyPr/>
        <a:lstStyle/>
        <a:p>
          <a:endParaRPr lang="en-US"/>
        </a:p>
      </dgm:t>
    </dgm:pt>
    <dgm:pt modelId="{E85B4E97-3820-4DB9-9BDD-221FED4AF5D0}">
      <dgm:prSet/>
      <dgm:spPr/>
      <dgm:t>
        <a:bodyPr/>
        <a:lstStyle/>
        <a:p>
          <a:r>
            <a:rPr lang="da-DK" dirty="0"/>
            <a:t>Offentlig ret og privat ret skal ikke adskilles!</a:t>
          </a:r>
          <a:endParaRPr lang="en-US" dirty="0"/>
        </a:p>
      </dgm:t>
    </dgm:pt>
    <dgm:pt modelId="{15DA8073-1C0E-4A29-9E74-C1E5682EB253}" type="parTrans" cxnId="{AA46BF0E-F4E9-43A8-A2BE-2575BF712A73}">
      <dgm:prSet/>
      <dgm:spPr/>
      <dgm:t>
        <a:bodyPr/>
        <a:lstStyle/>
        <a:p>
          <a:endParaRPr lang="da-DK"/>
        </a:p>
      </dgm:t>
    </dgm:pt>
    <dgm:pt modelId="{D6AC27E5-4891-4F29-9275-B17205F95114}" type="sibTrans" cxnId="{AA46BF0E-F4E9-43A8-A2BE-2575BF712A73}">
      <dgm:prSet/>
      <dgm:spPr/>
      <dgm:t>
        <a:bodyPr/>
        <a:lstStyle/>
        <a:p>
          <a:endParaRPr lang="da-DK"/>
        </a:p>
      </dgm:t>
    </dgm:pt>
    <dgm:pt modelId="{D76B048A-31B5-4118-818E-DBFCA8933F1E}">
      <dgm:prSet/>
      <dgm:spPr/>
      <dgm:t>
        <a:bodyPr/>
        <a:lstStyle/>
        <a:p>
          <a:r>
            <a:rPr lang="en-US" dirty="0"/>
            <a:t>Vi </a:t>
          </a:r>
          <a:r>
            <a:rPr lang="en-US" dirty="0" err="1"/>
            <a:t>har</a:t>
          </a:r>
          <a:r>
            <a:rPr lang="en-US" dirty="0"/>
            <a:t> </a:t>
          </a:r>
          <a:r>
            <a:rPr lang="en-US" dirty="0" err="1"/>
            <a:t>allerede</a:t>
          </a:r>
          <a:r>
            <a:rPr lang="en-US" dirty="0"/>
            <a:t> </a:t>
          </a:r>
          <a:r>
            <a:rPr lang="en-US" dirty="0" err="1"/>
            <a:t>råd</a:t>
          </a:r>
          <a:r>
            <a:rPr lang="en-US" dirty="0"/>
            <a:t> og </a:t>
          </a:r>
          <a:r>
            <a:rPr lang="en-US" dirty="0" err="1"/>
            <a:t>nævn</a:t>
          </a:r>
          <a:r>
            <a:rPr lang="en-US" dirty="0"/>
            <a:t>?</a:t>
          </a:r>
          <a:endParaRPr lang="en-US" b="1" dirty="0"/>
        </a:p>
      </dgm:t>
    </dgm:pt>
    <dgm:pt modelId="{1EA9D41C-9E5B-4634-8006-EEBBDB925EF7}" type="parTrans" cxnId="{01A46CE9-21AE-4927-9A48-4161CFEBF432}">
      <dgm:prSet/>
      <dgm:spPr/>
      <dgm:t>
        <a:bodyPr/>
        <a:lstStyle/>
        <a:p>
          <a:endParaRPr lang="da-DK"/>
        </a:p>
      </dgm:t>
    </dgm:pt>
    <dgm:pt modelId="{411DF312-866C-4B99-89C1-5FF0AD51416C}" type="sibTrans" cxnId="{01A46CE9-21AE-4927-9A48-4161CFEBF432}">
      <dgm:prSet/>
      <dgm:spPr/>
      <dgm:t>
        <a:bodyPr/>
        <a:lstStyle/>
        <a:p>
          <a:endParaRPr lang="da-DK"/>
        </a:p>
      </dgm:t>
    </dgm:pt>
    <dgm:pt modelId="{58D1BB0C-8AFE-443C-BF9E-3928351C0353}" type="pres">
      <dgm:prSet presAssocID="{9DDAF082-782A-44A2-81E1-70EA31370904}" presName="diagram" presStyleCnt="0">
        <dgm:presLayoutVars>
          <dgm:dir/>
          <dgm:resizeHandles val="exact"/>
        </dgm:presLayoutVars>
      </dgm:prSet>
      <dgm:spPr/>
    </dgm:pt>
    <dgm:pt modelId="{53F85322-76F1-4A92-9C9E-E166F52C5B87}" type="pres">
      <dgm:prSet presAssocID="{6627DF2A-36CA-4879-94FD-E7EB40918664}" presName="node" presStyleLbl="node1" presStyleIdx="0" presStyleCnt="5">
        <dgm:presLayoutVars>
          <dgm:bulletEnabled val="1"/>
        </dgm:presLayoutVars>
      </dgm:prSet>
      <dgm:spPr/>
    </dgm:pt>
    <dgm:pt modelId="{C37A6F00-91B2-4A83-81AC-E61F91572F28}" type="pres">
      <dgm:prSet presAssocID="{F0367FEE-7362-4AC5-A3F2-DDACDA312378}" presName="sibTrans" presStyleCnt="0"/>
      <dgm:spPr/>
    </dgm:pt>
    <dgm:pt modelId="{AB6DCC12-A5E5-414A-9E44-C39F1B9210E3}" type="pres">
      <dgm:prSet presAssocID="{E85B4E97-3820-4DB9-9BDD-221FED4AF5D0}" presName="node" presStyleLbl="node1" presStyleIdx="1" presStyleCnt="5">
        <dgm:presLayoutVars>
          <dgm:bulletEnabled val="1"/>
        </dgm:presLayoutVars>
      </dgm:prSet>
      <dgm:spPr/>
    </dgm:pt>
    <dgm:pt modelId="{1322509A-9BC5-4041-BD09-82989EE22509}" type="pres">
      <dgm:prSet presAssocID="{D6AC27E5-4891-4F29-9275-B17205F95114}" presName="sibTrans" presStyleCnt="0"/>
      <dgm:spPr/>
    </dgm:pt>
    <dgm:pt modelId="{FFA98BC7-CA03-4BC5-865D-C7A021722796}" type="pres">
      <dgm:prSet presAssocID="{DD73870E-5C2A-434D-BC35-8C601EC4F7E5}" presName="node" presStyleLbl="node1" presStyleIdx="2" presStyleCnt="5">
        <dgm:presLayoutVars>
          <dgm:bulletEnabled val="1"/>
        </dgm:presLayoutVars>
      </dgm:prSet>
      <dgm:spPr/>
    </dgm:pt>
    <dgm:pt modelId="{263BA4A1-89F8-47EE-BDB9-CEC49FB67B53}" type="pres">
      <dgm:prSet presAssocID="{77231745-7126-40C2-9C31-D19C8B6D72C2}" presName="sibTrans" presStyleCnt="0"/>
      <dgm:spPr/>
    </dgm:pt>
    <dgm:pt modelId="{B10A24FC-F6E6-4A59-8D64-799522635527}" type="pres">
      <dgm:prSet presAssocID="{4D453F13-F5F0-4B48-9B64-80A4810997C1}" presName="node" presStyleLbl="node1" presStyleIdx="3" presStyleCnt="5">
        <dgm:presLayoutVars>
          <dgm:bulletEnabled val="1"/>
        </dgm:presLayoutVars>
      </dgm:prSet>
      <dgm:spPr/>
    </dgm:pt>
    <dgm:pt modelId="{C4813B01-1F70-4E1A-A13C-137EB0FB85DD}" type="pres">
      <dgm:prSet presAssocID="{FD4DBCBF-8DED-4B84-A4EE-4603972C2609}" presName="sibTrans" presStyleCnt="0"/>
      <dgm:spPr/>
    </dgm:pt>
    <dgm:pt modelId="{BC4CA012-346D-4CDC-AAED-64DEFFDDA063}" type="pres">
      <dgm:prSet presAssocID="{D76B048A-31B5-4118-818E-DBFCA8933F1E}" presName="node" presStyleLbl="node1" presStyleIdx="4" presStyleCnt="5">
        <dgm:presLayoutVars>
          <dgm:bulletEnabled val="1"/>
        </dgm:presLayoutVars>
      </dgm:prSet>
      <dgm:spPr/>
    </dgm:pt>
  </dgm:ptLst>
  <dgm:cxnLst>
    <dgm:cxn modelId="{CC8CCB0D-3BFB-487B-A589-F568A750CB4D}" srcId="{9DDAF082-782A-44A2-81E1-70EA31370904}" destId="{DD73870E-5C2A-434D-BC35-8C601EC4F7E5}" srcOrd="2" destOrd="0" parTransId="{43DFFE78-D647-441D-B058-2E0A32A773D4}" sibTransId="{77231745-7126-40C2-9C31-D19C8B6D72C2}"/>
    <dgm:cxn modelId="{AA46BF0E-F4E9-43A8-A2BE-2575BF712A73}" srcId="{9DDAF082-782A-44A2-81E1-70EA31370904}" destId="{E85B4E97-3820-4DB9-9BDD-221FED4AF5D0}" srcOrd="1" destOrd="0" parTransId="{15DA8073-1C0E-4A29-9E74-C1E5682EB253}" sibTransId="{D6AC27E5-4891-4F29-9275-B17205F95114}"/>
    <dgm:cxn modelId="{CCC8009B-9059-4BF0-8A44-04456C71C807}" type="presOf" srcId="{DD73870E-5C2A-434D-BC35-8C601EC4F7E5}" destId="{FFA98BC7-CA03-4BC5-865D-C7A021722796}" srcOrd="0" destOrd="0" presId="urn:microsoft.com/office/officeart/2005/8/layout/default"/>
    <dgm:cxn modelId="{3F3D6D9E-5EA3-46A7-A09F-DF2E35E478E0}" srcId="{9DDAF082-782A-44A2-81E1-70EA31370904}" destId="{6627DF2A-36CA-4879-94FD-E7EB40918664}" srcOrd="0" destOrd="0" parTransId="{31CEB991-F51D-4766-AF0E-5620FC3148DF}" sibTransId="{F0367FEE-7362-4AC5-A3F2-DDACDA312378}"/>
    <dgm:cxn modelId="{A93638A1-B553-42DC-9F43-F9580C8F9DB5}" srcId="{9DDAF082-782A-44A2-81E1-70EA31370904}" destId="{4D453F13-F5F0-4B48-9B64-80A4810997C1}" srcOrd="3" destOrd="0" parTransId="{EF160EDB-6331-4438-986C-148859E26089}" sibTransId="{FD4DBCBF-8DED-4B84-A4EE-4603972C2609}"/>
    <dgm:cxn modelId="{FDAB2AAB-9CA5-43F3-BE75-8A0EA1B6820C}" type="presOf" srcId="{4D453F13-F5F0-4B48-9B64-80A4810997C1}" destId="{B10A24FC-F6E6-4A59-8D64-799522635527}" srcOrd="0" destOrd="0" presId="urn:microsoft.com/office/officeart/2005/8/layout/default"/>
    <dgm:cxn modelId="{80E343BC-12FD-4E58-9875-5608F0D72697}" type="presOf" srcId="{6627DF2A-36CA-4879-94FD-E7EB40918664}" destId="{53F85322-76F1-4A92-9C9E-E166F52C5B87}" srcOrd="0" destOrd="0" presId="urn:microsoft.com/office/officeart/2005/8/layout/default"/>
    <dgm:cxn modelId="{CE2213BF-8788-49E3-9B76-573C4B6BA9F9}" type="presOf" srcId="{D76B048A-31B5-4118-818E-DBFCA8933F1E}" destId="{BC4CA012-346D-4CDC-AAED-64DEFFDDA063}" srcOrd="0" destOrd="0" presId="urn:microsoft.com/office/officeart/2005/8/layout/default"/>
    <dgm:cxn modelId="{3F5EC7E0-27BA-425B-A412-D9FA3F8E2838}" type="presOf" srcId="{E85B4E97-3820-4DB9-9BDD-221FED4AF5D0}" destId="{AB6DCC12-A5E5-414A-9E44-C39F1B9210E3}" srcOrd="0" destOrd="0" presId="urn:microsoft.com/office/officeart/2005/8/layout/default"/>
    <dgm:cxn modelId="{01A46CE9-21AE-4927-9A48-4161CFEBF432}" srcId="{9DDAF082-782A-44A2-81E1-70EA31370904}" destId="{D76B048A-31B5-4118-818E-DBFCA8933F1E}" srcOrd="4" destOrd="0" parTransId="{1EA9D41C-9E5B-4634-8006-EEBBDB925EF7}" sibTransId="{411DF312-866C-4B99-89C1-5FF0AD51416C}"/>
    <dgm:cxn modelId="{24CA2EF5-2B78-4535-9271-D5AD4BCE4116}" type="presOf" srcId="{9DDAF082-782A-44A2-81E1-70EA31370904}" destId="{58D1BB0C-8AFE-443C-BF9E-3928351C0353}" srcOrd="0" destOrd="0" presId="urn:microsoft.com/office/officeart/2005/8/layout/default"/>
    <dgm:cxn modelId="{431D433F-9F4E-4056-988E-DC94EB1B23A6}" type="presParOf" srcId="{58D1BB0C-8AFE-443C-BF9E-3928351C0353}" destId="{53F85322-76F1-4A92-9C9E-E166F52C5B87}" srcOrd="0" destOrd="0" presId="urn:microsoft.com/office/officeart/2005/8/layout/default"/>
    <dgm:cxn modelId="{D9334820-3C60-4819-9D30-E0B7A1C7AED4}" type="presParOf" srcId="{58D1BB0C-8AFE-443C-BF9E-3928351C0353}" destId="{C37A6F00-91B2-4A83-81AC-E61F91572F28}" srcOrd="1" destOrd="0" presId="urn:microsoft.com/office/officeart/2005/8/layout/default"/>
    <dgm:cxn modelId="{7D63DD6D-49D9-44BD-AB1A-2651F211D4CE}" type="presParOf" srcId="{58D1BB0C-8AFE-443C-BF9E-3928351C0353}" destId="{AB6DCC12-A5E5-414A-9E44-C39F1B9210E3}" srcOrd="2" destOrd="0" presId="urn:microsoft.com/office/officeart/2005/8/layout/default"/>
    <dgm:cxn modelId="{F2D27BB0-D1BE-4AFE-9E66-D93E6CC55FA1}" type="presParOf" srcId="{58D1BB0C-8AFE-443C-BF9E-3928351C0353}" destId="{1322509A-9BC5-4041-BD09-82989EE22509}" srcOrd="3" destOrd="0" presId="urn:microsoft.com/office/officeart/2005/8/layout/default"/>
    <dgm:cxn modelId="{4EC3A5DA-7BE9-4848-8B1D-DEACFCBF0ABE}" type="presParOf" srcId="{58D1BB0C-8AFE-443C-BF9E-3928351C0353}" destId="{FFA98BC7-CA03-4BC5-865D-C7A021722796}" srcOrd="4" destOrd="0" presId="urn:microsoft.com/office/officeart/2005/8/layout/default"/>
    <dgm:cxn modelId="{21030FB4-062B-4CBD-91AB-924F7A1D97B0}" type="presParOf" srcId="{58D1BB0C-8AFE-443C-BF9E-3928351C0353}" destId="{263BA4A1-89F8-47EE-BDB9-CEC49FB67B53}" srcOrd="5" destOrd="0" presId="urn:microsoft.com/office/officeart/2005/8/layout/default"/>
    <dgm:cxn modelId="{28E1A31E-940A-4381-A91B-B3E6CCCFFF90}" type="presParOf" srcId="{58D1BB0C-8AFE-443C-BF9E-3928351C0353}" destId="{B10A24FC-F6E6-4A59-8D64-799522635527}" srcOrd="6" destOrd="0" presId="urn:microsoft.com/office/officeart/2005/8/layout/default"/>
    <dgm:cxn modelId="{5FEEC325-4088-4B98-BDD3-18EB0E4E341C}" type="presParOf" srcId="{58D1BB0C-8AFE-443C-BF9E-3928351C0353}" destId="{C4813B01-1F70-4E1A-A13C-137EB0FB85DD}" srcOrd="7" destOrd="0" presId="urn:microsoft.com/office/officeart/2005/8/layout/default"/>
    <dgm:cxn modelId="{136244A6-A4DE-4F4F-9373-751854B22778}" type="presParOf" srcId="{58D1BB0C-8AFE-443C-BF9E-3928351C0353}" destId="{BC4CA012-346D-4CDC-AAED-64DEFFDDA063}" srcOrd="8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0578E020-AB4D-45EE-8222-3B9331ABA466}" type="doc">
      <dgm:prSet loTypeId="urn:microsoft.com/office/officeart/2005/8/layout/vList2" loCatId="list" qsTypeId="urn:microsoft.com/office/officeart/2005/8/quickstyle/simple1" qsCatId="simple" csTypeId="urn:microsoft.com/office/officeart/2005/8/colors/accent6_2" csCatId="accent6" phldr="1"/>
      <dgm:spPr/>
      <dgm:t>
        <a:bodyPr/>
        <a:lstStyle/>
        <a:p>
          <a:endParaRPr lang="en-US"/>
        </a:p>
      </dgm:t>
    </dgm:pt>
    <dgm:pt modelId="{8E8B0450-6B3B-4517-B19A-5DC0960D804E}">
      <dgm:prSet/>
      <dgm:spPr/>
      <dgm:t>
        <a:bodyPr/>
        <a:lstStyle/>
        <a:p>
          <a:r>
            <a:rPr lang="da-DK"/>
            <a:t>Én formand udpeget af justitsministeren</a:t>
          </a:r>
          <a:endParaRPr lang="en-US"/>
        </a:p>
      </dgm:t>
    </dgm:pt>
    <dgm:pt modelId="{C387678E-8538-4FBD-87B6-1BFF297E19EE}" type="parTrans" cxnId="{217A5470-F2DC-41DF-869C-AA70D5DF321B}">
      <dgm:prSet/>
      <dgm:spPr/>
      <dgm:t>
        <a:bodyPr/>
        <a:lstStyle/>
        <a:p>
          <a:endParaRPr lang="en-US"/>
        </a:p>
      </dgm:t>
    </dgm:pt>
    <dgm:pt modelId="{4E0F5602-BCCC-44DD-8186-85E18F23A102}" type="sibTrans" cxnId="{217A5470-F2DC-41DF-869C-AA70D5DF321B}">
      <dgm:prSet/>
      <dgm:spPr/>
      <dgm:t>
        <a:bodyPr/>
        <a:lstStyle/>
        <a:p>
          <a:endParaRPr lang="en-US"/>
        </a:p>
      </dgm:t>
    </dgm:pt>
    <dgm:pt modelId="{47E5B550-6517-4A2C-81D1-51C55A2FEEDE}">
      <dgm:prSet/>
      <dgm:spPr/>
      <dgm:t>
        <a:bodyPr/>
        <a:lstStyle/>
        <a:p>
          <a:r>
            <a:rPr lang="da-DK"/>
            <a:t>To Folketingsmedlemmer</a:t>
          </a:r>
          <a:endParaRPr lang="en-US"/>
        </a:p>
      </dgm:t>
    </dgm:pt>
    <dgm:pt modelId="{3AA3AC99-2109-4A99-8EE2-236A9B0E9D7C}" type="parTrans" cxnId="{D2ECFB6C-93BB-49EC-80B2-36051050910B}">
      <dgm:prSet/>
      <dgm:spPr/>
      <dgm:t>
        <a:bodyPr/>
        <a:lstStyle/>
        <a:p>
          <a:endParaRPr lang="en-US"/>
        </a:p>
      </dgm:t>
    </dgm:pt>
    <dgm:pt modelId="{3762BBA9-FEF3-466B-9597-C4C653A7D59F}" type="sibTrans" cxnId="{D2ECFB6C-93BB-49EC-80B2-36051050910B}">
      <dgm:prSet/>
      <dgm:spPr/>
      <dgm:t>
        <a:bodyPr/>
        <a:lstStyle/>
        <a:p>
          <a:endParaRPr lang="en-US"/>
        </a:p>
      </dgm:t>
    </dgm:pt>
    <dgm:pt modelId="{68778215-AEAD-4966-9795-160B3C880923}">
      <dgm:prSet/>
      <dgm:spPr/>
      <dgm:t>
        <a:bodyPr/>
        <a:lstStyle/>
        <a:p>
          <a:r>
            <a:rPr lang="da-DK"/>
            <a:t>To Landstingsmedlemmer</a:t>
          </a:r>
          <a:endParaRPr lang="en-US"/>
        </a:p>
      </dgm:t>
    </dgm:pt>
    <dgm:pt modelId="{A2217E23-E2DE-44B3-A31E-81C3B02D52B0}" type="parTrans" cxnId="{781B8F2D-75FE-4EAF-8F2D-4DA9CFBE1328}">
      <dgm:prSet/>
      <dgm:spPr/>
      <dgm:t>
        <a:bodyPr/>
        <a:lstStyle/>
        <a:p>
          <a:endParaRPr lang="en-US"/>
        </a:p>
      </dgm:t>
    </dgm:pt>
    <dgm:pt modelId="{82301771-9D27-4C80-B1F8-43F347A86E52}" type="sibTrans" cxnId="{781B8F2D-75FE-4EAF-8F2D-4DA9CFBE1328}">
      <dgm:prSet/>
      <dgm:spPr/>
      <dgm:t>
        <a:bodyPr/>
        <a:lstStyle/>
        <a:p>
          <a:endParaRPr lang="en-US"/>
        </a:p>
      </dgm:t>
    </dgm:pt>
    <dgm:pt modelId="{1CCFCEA5-B279-479E-B879-A52E18C9EBCC}">
      <dgm:prSet/>
      <dgm:spPr/>
      <dgm:t>
        <a:bodyPr/>
        <a:lstStyle/>
        <a:p>
          <a:r>
            <a:rPr lang="da-DK"/>
            <a:t>To Højesteretsdommere</a:t>
          </a:r>
          <a:endParaRPr lang="en-US"/>
        </a:p>
      </dgm:t>
    </dgm:pt>
    <dgm:pt modelId="{83920D43-145E-4065-BFB6-D9B98B4487A8}" type="parTrans" cxnId="{C775088F-3163-40A4-A1F1-EFBA4881F0B1}">
      <dgm:prSet/>
      <dgm:spPr/>
      <dgm:t>
        <a:bodyPr/>
        <a:lstStyle/>
        <a:p>
          <a:endParaRPr lang="en-US"/>
        </a:p>
      </dgm:t>
    </dgm:pt>
    <dgm:pt modelId="{BB0C7E08-8CD6-49DC-8338-B8AE9686A93A}" type="sibTrans" cxnId="{C775088F-3163-40A4-A1F1-EFBA4881F0B1}">
      <dgm:prSet/>
      <dgm:spPr/>
      <dgm:t>
        <a:bodyPr/>
        <a:lstStyle/>
        <a:p>
          <a:endParaRPr lang="en-US"/>
        </a:p>
      </dgm:t>
    </dgm:pt>
    <dgm:pt modelId="{A325362D-F46E-4538-A101-57F51214FB42}" type="pres">
      <dgm:prSet presAssocID="{0578E020-AB4D-45EE-8222-3B9331ABA466}" presName="linear" presStyleCnt="0">
        <dgm:presLayoutVars>
          <dgm:animLvl val="lvl"/>
          <dgm:resizeHandles val="exact"/>
        </dgm:presLayoutVars>
      </dgm:prSet>
      <dgm:spPr/>
    </dgm:pt>
    <dgm:pt modelId="{7CA01A47-121B-4897-A42D-83F6FF0D773E}" type="pres">
      <dgm:prSet presAssocID="{8E8B0450-6B3B-4517-B19A-5DC0960D804E}" presName="parentText" presStyleLbl="node1" presStyleIdx="0" presStyleCnt="4">
        <dgm:presLayoutVars>
          <dgm:chMax val="0"/>
          <dgm:bulletEnabled val="1"/>
        </dgm:presLayoutVars>
      </dgm:prSet>
      <dgm:spPr/>
    </dgm:pt>
    <dgm:pt modelId="{86BC5462-B9B0-4D75-85CD-6AAB0858CB48}" type="pres">
      <dgm:prSet presAssocID="{4E0F5602-BCCC-44DD-8186-85E18F23A102}" presName="spacer" presStyleCnt="0"/>
      <dgm:spPr/>
    </dgm:pt>
    <dgm:pt modelId="{FCA2CB85-7B2B-4964-A19E-746AEEF94FD4}" type="pres">
      <dgm:prSet presAssocID="{47E5B550-6517-4A2C-81D1-51C55A2FEEDE}" presName="parentText" presStyleLbl="node1" presStyleIdx="1" presStyleCnt="4">
        <dgm:presLayoutVars>
          <dgm:chMax val="0"/>
          <dgm:bulletEnabled val="1"/>
        </dgm:presLayoutVars>
      </dgm:prSet>
      <dgm:spPr/>
    </dgm:pt>
    <dgm:pt modelId="{56BFB1FA-9587-4F97-BFBE-2F8214058CD7}" type="pres">
      <dgm:prSet presAssocID="{3762BBA9-FEF3-466B-9597-C4C653A7D59F}" presName="spacer" presStyleCnt="0"/>
      <dgm:spPr/>
    </dgm:pt>
    <dgm:pt modelId="{CE192645-141A-448C-9FD6-70A34252F4B9}" type="pres">
      <dgm:prSet presAssocID="{68778215-AEAD-4966-9795-160B3C880923}" presName="parentText" presStyleLbl="node1" presStyleIdx="2" presStyleCnt="4">
        <dgm:presLayoutVars>
          <dgm:chMax val="0"/>
          <dgm:bulletEnabled val="1"/>
        </dgm:presLayoutVars>
      </dgm:prSet>
      <dgm:spPr/>
    </dgm:pt>
    <dgm:pt modelId="{1317841B-682B-4E66-82A4-DDF31BD16A0D}" type="pres">
      <dgm:prSet presAssocID="{82301771-9D27-4C80-B1F8-43F347A86E52}" presName="spacer" presStyleCnt="0"/>
      <dgm:spPr/>
    </dgm:pt>
    <dgm:pt modelId="{A0339FC3-3598-4D01-A944-FE93CB0E7AE9}" type="pres">
      <dgm:prSet presAssocID="{1CCFCEA5-B279-479E-B879-A52E18C9EBCC}" presName="parentText" presStyleLbl="node1" presStyleIdx="3" presStyleCnt="4">
        <dgm:presLayoutVars>
          <dgm:chMax val="0"/>
          <dgm:bulletEnabled val="1"/>
        </dgm:presLayoutVars>
      </dgm:prSet>
      <dgm:spPr/>
    </dgm:pt>
  </dgm:ptLst>
  <dgm:cxnLst>
    <dgm:cxn modelId="{0E23C81E-3B02-4CA4-9948-A21316C3578C}" type="presOf" srcId="{68778215-AEAD-4966-9795-160B3C880923}" destId="{CE192645-141A-448C-9FD6-70A34252F4B9}" srcOrd="0" destOrd="0" presId="urn:microsoft.com/office/officeart/2005/8/layout/vList2"/>
    <dgm:cxn modelId="{781B8F2D-75FE-4EAF-8F2D-4DA9CFBE1328}" srcId="{0578E020-AB4D-45EE-8222-3B9331ABA466}" destId="{68778215-AEAD-4966-9795-160B3C880923}" srcOrd="2" destOrd="0" parTransId="{A2217E23-E2DE-44B3-A31E-81C3B02D52B0}" sibTransId="{82301771-9D27-4C80-B1F8-43F347A86E52}"/>
    <dgm:cxn modelId="{B344EC43-D74B-4493-9C3E-98470C6B1654}" type="presOf" srcId="{0578E020-AB4D-45EE-8222-3B9331ABA466}" destId="{A325362D-F46E-4538-A101-57F51214FB42}" srcOrd="0" destOrd="0" presId="urn:microsoft.com/office/officeart/2005/8/layout/vList2"/>
    <dgm:cxn modelId="{446D3969-AF47-4853-A943-59B6B27BD77A}" type="presOf" srcId="{8E8B0450-6B3B-4517-B19A-5DC0960D804E}" destId="{7CA01A47-121B-4897-A42D-83F6FF0D773E}" srcOrd="0" destOrd="0" presId="urn:microsoft.com/office/officeart/2005/8/layout/vList2"/>
    <dgm:cxn modelId="{D2ECFB6C-93BB-49EC-80B2-36051050910B}" srcId="{0578E020-AB4D-45EE-8222-3B9331ABA466}" destId="{47E5B550-6517-4A2C-81D1-51C55A2FEEDE}" srcOrd="1" destOrd="0" parTransId="{3AA3AC99-2109-4A99-8EE2-236A9B0E9D7C}" sibTransId="{3762BBA9-FEF3-466B-9597-C4C653A7D59F}"/>
    <dgm:cxn modelId="{217A5470-F2DC-41DF-869C-AA70D5DF321B}" srcId="{0578E020-AB4D-45EE-8222-3B9331ABA466}" destId="{8E8B0450-6B3B-4517-B19A-5DC0960D804E}" srcOrd="0" destOrd="0" parTransId="{C387678E-8538-4FBD-87B6-1BFF297E19EE}" sibTransId="{4E0F5602-BCCC-44DD-8186-85E18F23A102}"/>
    <dgm:cxn modelId="{C775088F-3163-40A4-A1F1-EFBA4881F0B1}" srcId="{0578E020-AB4D-45EE-8222-3B9331ABA466}" destId="{1CCFCEA5-B279-479E-B879-A52E18C9EBCC}" srcOrd="3" destOrd="0" parTransId="{83920D43-145E-4065-BFB6-D9B98B4487A8}" sibTransId="{BB0C7E08-8CD6-49DC-8338-B8AE9686A93A}"/>
    <dgm:cxn modelId="{3C968DAD-9D91-467B-A789-8B7E86E9794C}" type="presOf" srcId="{1CCFCEA5-B279-479E-B879-A52E18C9EBCC}" destId="{A0339FC3-3598-4D01-A944-FE93CB0E7AE9}" srcOrd="0" destOrd="0" presId="urn:microsoft.com/office/officeart/2005/8/layout/vList2"/>
    <dgm:cxn modelId="{E2CC88B9-D02C-4A14-B6DD-79FD6BB7F61B}" type="presOf" srcId="{47E5B550-6517-4A2C-81D1-51C55A2FEEDE}" destId="{FCA2CB85-7B2B-4964-A19E-746AEEF94FD4}" srcOrd="0" destOrd="0" presId="urn:microsoft.com/office/officeart/2005/8/layout/vList2"/>
    <dgm:cxn modelId="{81E4D50B-A58B-4FC1-A89A-120EDB72CBB4}" type="presParOf" srcId="{A325362D-F46E-4538-A101-57F51214FB42}" destId="{7CA01A47-121B-4897-A42D-83F6FF0D773E}" srcOrd="0" destOrd="0" presId="urn:microsoft.com/office/officeart/2005/8/layout/vList2"/>
    <dgm:cxn modelId="{A7B5E401-4292-49B3-B6F3-04CE6D8D51FA}" type="presParOf" srcId="{A325362D-F46E-4538-A101-57F51214FB42}" destId="{86BC5462-B9B0-4D75-85CD-6AAB0858CB48}" srcOrd="1" destOrd="0" presId="urn:microsoft.com/office/officeart/2005/8/layout/vList2"/>
    <dgm:cxn modelId="{FE0F425A-BE8C-4A2D-BD12-F7E1440EB53C}" type="presParOf" srcId="{A325362D-F46E-4538-A101-57F51214FB42}" destId="{FCA2CB85-7B2B-4964-A19E-746AEEF94FD4}" srcOrd="2" destOrd="0" presId="urn:microsoft.com/office/officeart/2005/8/layout/vList2"/>
    <dgm:cxn modelId="{3EEEC1ED-D467-42E6-8237-243811A1691E}" type="presParOf" srcId="{A325362D-F46E-4538-A101-57F51214FB42}" destId="{56BFB1FA-9587-4F97-BFBE-2F8214058CD7}" srcOrd="3" destOrd="0" presId="urn:microsoft.com/office/officeart/2005/8/layout/vList2"/>
    <dgm:cxn modelId="{9FA2CD5B-04AF-41A2-BED3-E62B92DE4769}" type="presParOf" srcId="{A325362D-F46E-4538-A101-57F51214FB42}" destId="{CE192645-141A-448C-9FD6-70A34252F4B9}" srcOrd="4" destOrd="0" presId="urn:microsoft.com/office/officeart/2005/8/layout/vList2"/>
    <dgm:cxn modelId="{03ED4ABC-4A3B-4803-90FA-A09752DBD9BC}" type="presParOf" srcId="{A325362D-F46E-4538-A101-57F51214FB42}" destId="{1317841B-682B-4E66-82A4-DDF31BD16A0D}" srcOrd="5" destOrd="0" presId="urn:microsoft.com/office/officeart/2005/8/layout/vList2"/>
    <dgm:cxn modelId="{78CF5DD1-98D0-4A32-BCA7-C235D0893620}" type="presParOf" srcId="{A325362D-F46E-4538-A101-57F51214FB42}" destId="{A0339FC3-3598-4D01-A944-FE93CB0E7AE9}" srcOrd="6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42C26A85-94B5-450C-81AF-11772F3640F8}" type="doc">
      <dgm:prSet loTypeId="urn:microsoft.com/office/officeart/2005/8/layout/default" loCatId="list" qsTypeId="urn:microsoft.com/office/officeart/2005/8/quickstyle/simple1" qsCatId="simple" csTypeId="urn:microsoft.com/office/officeart/2005/8/colors/accent0_3" csCatId="mainScheme" phldr="1"/>
      <dgm:spPr/>
      <dgm:t>
        <a:bodyPr/>
        <a:lstStyle/>
        <a:p>
          <a:endParaRPr lang="en-US"/>
        </a:p>
      </dgm:t>
    </dgm:pt>
    <dgm:pt modelId="{5DE09DD6-3883-40D1-841B-4983B479D0BE}">
      <dgm:prSet/>
      <dgm:spPr/>
      <dgm:t>
        <a:bodyPr/>
        <a:lstStyle/>
        <a:p>
          <a:r>
            <a:rPr lang="da-DK" b="0" i="0" baseline="0" dirty="0"/>
            <a:t>Landsskatteretten 1938 </a:t>
          </a:r>
          <a:endParaRPr lang="en-US" dirty="0"/>
        </a:p>
      </dgm:t>
    </dgm:pt>
    <dgm:pt modelId="{3A0BB58A-605E-4BF7-AF8C-A4747B737157}" type="parTrans" cxnId="{C74CF875-A619-4A63-BAFD-C8AC1E7DCA1A}">
      <dgm:prSet/>
      <dgm:spPr/>
      <dgm:t>
        <a:bodyPr/>
        <a:lstStyle/>
        <a:p>
          <a:endParaRPr lang="en-US"/>
        </a:p>
      </dgm:t>
    </dgm:pt>
    <dgm:pt modelId="{DB8D40F2-13CE-4EF8-A6D6-E0E67F7834D7}" type="sibTrans" cxnId="{C74CF875-A619-4A63-BAFD-C8AC1E7DCA1A}">
      <dgm:prSet/>
      <dgm:spPr/>
      <dgm:t>
        <a:bodyPr/>
        <a:lstStyle/>
        <a:p>
          <a:endParaRPr lang="en-US"/>
        </a:p>
      </dgm:t>
    </dgm:pt>
    <dgm:pt modelId="{6D5F4F58-8122-414B-86E5-7B0EA354DE6D}">
      <dgm:prSet/>
      <dgm:spPr/>
      <dgm:t>
        <a:bodyPr/>
        <a:lstStyle/>
        <a:p>
          <a:r>
            <a:rPr lang="da-DK" b="0" i="0" baseline="0" dirty="0"/>
            <a:t>Valgbarhedsnævnet 1965</a:t>
          </a:r>
          <a:endParaRPr lang="en-US" dirty="0"/>
        </a:p>
      </dgm:t>
    </dgm:pt>
    <dgm:pt modelId="{F2DA41C5-C704-4F0B-A97C-27D2831BEB4F}" type="parTrans" cxnId="{2CB6DD47-4AC3-4322-813F-1BBB4D3EEE1F}">
      <dgm:prSet/>
      <dgm:spPr/>
      <dgm:t>
        <a:bodyPr/>
        <a:lstStyle/>
        <a:p>
          <a:endParaRPr lang="en-US"/>
        </a:p>
      </dgm:t>
    </dgm:pt>
    <dgm:pt modelId="{CF4E4E52-CDAB-4645-867B-2BE118858DE3}" type="sibTrans" cxnId="{2CB6DD47-4AC3-4322-813F-1BBB4D3EEE1F}">
      <dgm:prSet/>
      <dgm:spPr/>
      <dgm:t>
        <a:bodyPr/>
        <a:lstStyle/>
        <a:p>
          <a:endParaRPr lang="en-US"/>
        </a:p>
      </dgm:t>
    </dgm:pt>
    <dgm:pt modelId="{B0F0A7A2-F86C-4E10-BA34-06DE849D9A7B}">
      <dgm:prSet/>
      <dgm:spPr/>
      <dgm:t>
        <a:bodyPr/>
        <a:lstStyle/>
        <a:p>
          <a:r>
            <a:rPr lang="da-DK" b="0" i="0" baseline="0" dirty="0"/>
            <a:t>Miljøankenævnet</a:t>
          </a:r>
          <a:r>
            <a:rPr lang="da-DK" dirty="0"/>
            <a:t> </a:t>
          </a:r>
          <a:r>
            <a:rPr lang="da-DK" b="0" i="0" baseline="0" dirty="0"/>
            <a:t>(senere Miljø- og Fødevareklagenævnet), 1974</a:t>
          </a:r>
          <a:endParaRPr lang="en-US" dirty="0"/>
        </a:p>
      </dgm:t>
    </dgm:pt>
    <dgm:pt modelId="{BF9D012B-8061-431A-A6A7-FD03F8CCC557}" type="parTrans" cxnId="{883616C6-133F-4910-886B-167574009AD4}">
      <dgm:prSet/>
      <dgm:spPr/>
      <dgm:t>
        <a:bodyPr/>
        <a:lstStyle/>
        <a:p>
          <a:endParaRPr lang="en-US"/>
        </a:p>
      </dgm:t>
    </dgm:pt>
    <dgm:pt modelId="{249F985D-0B98-4137-ACC1-8C585CAD38C4}" type="sibTrans" cxnId="{883616C6-133F-4910-886B-167574009AD4}">
      <dgm:prSet/>
      <dgm:spPr/>
      <dgm:t>
        <a:bodyPr/>
        <a:lstStyle/>
        <a:p>
          <a:endParaRPr lang="en-US"/>
        </a:p>
      </dgm:t>
    </dgm:pt>
    <dgm:pt modelId="{4FDEE90A-EF0F-437A-B10A-D5B5F4DA8054}">
      <dgm:prSet/>
      <dgm:spPr/>
      <dgm:t>
        <a:bodyPr/>
        <a:lstStyle/>
        <a:p>
          <a:r>
            <a:rPr lang="da-DK" b="0" i="0" baseline="0" dirty="0"/>
            <a:t>Adoptionsnævnet, 1976</a:t>
          </a:r>
          <a:endParaRPr lang="en-US" dirty="0"/>
        </a:p>
      </dgm:t>
    </dgm:pt>
    <dgm:pt modelId="{80C0022E-84C1-490D-AD58-1C0C1A435089}" type="parTrans" cxnId="{C1C4F0F5-8A66-4B60-9FE6-A3CC6EAE5995}">
      <dgm:prSet/>
      <dgm:spPr/>
      <dgm:t>
        <a:bodyPr/>
        <a:lstStyle/>
        <a:p>
          <a:endParaRPr lang="en-US"/>
        </a:p>
      </dgm:t>
    </dgm:pt>
    <dgm:pt modelId="{344684BA-CBEF-4520-83A6-767246F5BF76}" type="sibTrans" cxnId="{C1C4F0F5-8A66-4B60-9FE6-A3CC6EAE5995}">
      <dgm:prSet/>
      <dgm:spPr/>
      <dgm:t>
        <a:bodyPr/>
        <a:lstStyle/>
        <a:p>
          <a:endParaRPr lang="en-US"/>
        </a:p>
      </dgm:t>
    </dgm:pt>
    <dgm:pt modelId="{B36810C1-E637-4D8F-A934-E1B5EEAC1C5B}">
      <dgm:prSet/>
      <dgm:spPr/>
      <dgm:t>
        <a:bodyPr/>
        <a:lstStyle/>
        <a:p>
          <a:r>
            <a:rPr lang="da-DK" b="0" i="0" baseline="0" dirty="0"/>
            <a:t>Flygtningenævnet, 1983</a:t>
          </a:r>
          <a:endParaRPr lang="en-US" dirty="0"/>
        </a:p>
      </dgm:t>
    </dgm:pt>
    <dgm:pt modelId="{81BD74D1-1AA3-40D1-95FC-5F8A8297C20D}" type="parTrans" cxnId="{89A51B58-100F-4909-AC06-8A110BC2758D}">
      <dgm:prSet/>
      <dgm:spPr/>
      <dgm:t>
        <a:bodyPr/>
        <a:lstStyle/>
        <a:p>
          <a:endParaRPr lang="en-US"/>
        </a:p>
      </dgm:t>
    </dgm:pt>
    <dgm:pt modelId="{66345C70-1403-49BD-A483-7972ED6E6E7B}" type="sibTrans" cxnId="{89A51B58-100F-4909-AC06-8A110BC2758D}">
      <dgm:prSet/>
      <dgm:spPr/>
      <dgm:t>
        <a:bodyPr/>
        <a:lstStyle/>
        <a:p>
          <a:endParaRPr lang="en-US"/>
        </a:p>
      </dgm:t>
    </dgm:pt>
    <dgm:pt modelId="{653A38F4-BF46-4744-84D2-23B0C4C43634}" type="pres">
      <dgm:prSet presAssocID="{42C26A85-94B5-450C-81AF-11772F3640F8}" presName="diagram" presStyleCnt="0">
        <dgm:presLayoutVars>
          <dgm:dir/>
          <dgm:resizeHandles val="exact"/>
        </dgm:presLayoutVars>
      </dgm:prSet>
      <dgm:spPr/>
    </dgm:pt>
    <dgm:pt modelId="{519D977A-EDDF-4496-B7C6-DD1C9ED03EE3}" type="pres">
      <dgm:prSet presAssocID="{5DE09DD6-3883-40D1-841B-4983B479D0BE}" presName="node" presStyleLbl="node1" presStyleIdx="0" presStyleCnt="5">
        <dgm:presLayoutVars>
          <dgm:bulletEnabled val="1"/>
        </dgm:presLayoutVars>
      </dgm:prSet>
      <dgm:spPr/>
    </dgm:pt>
    <dgm:pt modelId="{34200348-C2CE-43DE-873A-82908F00095F}" type="pres">
      <dgm:prSet presAssocID="{DB8D40F2-13CE-4EF8-A6D6-E0E67F7834D7}" presName="sibTrans" presStyleCnt="0"/>
      <dgm:spPr/>
    </dgm:pt>
    <dgm:pt modelId="{11679702-B8E8-48DC-8492-9573891E12AE}" type="pres">
      <dgm:prSet presAssocID="{6D5F4F58-8122-414B-86E5-7B0EA354DE6D}" presName="node" presStyleLbl="node1" presStyleIdx="1" presStyleCnt="5">
        <dgm:presLayoutVars>
          <dgm:bulletEnabled val="1"/>
        </dgm:presLayoutVars>
      </dgm:prSet>
      <dgm:spPr/>
    </dgm:pt>
    <dgm:pt modelId="{A36161BC-1DB9-4DFC-9D24-74837B8A054C}" type="pres">
      <dgm:prSet presAssocID="{CF4E4E52-CDAB-4645-867B-2BE118858DE3}" presName="sibTrans" presStyleCnt="0"/>
      <dgm:spPr/>
    </dgm:pt>
    <dgm:pt modelId="{E91E47C7-E8DA-4EE2-A8AE-24723ABA1BC1}" type="pres">
      <dgm:prSet presAssocID="{B0F0A7A2-F86C-4E10-BA34-06DE849D9A7B}" presName="node" presStyleLbl="node1" presStyleIdx="2" presStyleCnt="5">
        <dgm:presLayoutVars>
          <dgm:bulletEnabled val="1"/>
        </dgm:presLayoutVars>
      </dgm:prSet>
      <dgm:spPr/>
    </dgm:pt>
    <dgm:pt modelId="{9F49BE4F-93B8-46A1-A5FC-81F97DFFA0E3}" type="pres">
      <dgm:prSet presAssocID="{249F985D-0B98-4137-ACC1-8C585CAD38C4}" presName="sibTrans" presStyleCnt="0"/>
      <dgm:spPr/>
    </dgm:pt>
    <dgm:pt modelId="{298D57C7-0521-4998-B6D3-5007C3546165}" type="pres">
      <dgm:prSet presAssocID="{4FDEE90A-EF0F-437A-B10A-D5B5F4DA8054}" presName="node" presStyleLbl="node1" presStyleIdx="3" presStyleCnt="5">
        <dgm:presLayoutVars>
          <dgm:bulletEnabled val="1"/>
        </dgm:presLayoutVars>
      </dgm:prSet>
      <dgm:spPr/>
    </dgm:pt>
    <dgm:pt modelId="{720BC8C5-B61C-4F8A-9B1C-422260885F36}" type="pres">
      <dgm:prSet presAssocID="{344684BA-CBEF-4520-83A6-767246F5BF76}" presName="sibTrans" presStyleCnt="0"/>
      <dgm:spPr/>
    </dgm:pt>
    <dgm:pt modelId="{6D608A9B-0875-45DB-B506-F2A53F25B540}" type="pres">
      <dgm:prSet presAssocID="{B36810C1-E637-4D8F-A934-E1B5EEAC1C5B}" presName="node" presStyleLbl="node1" presStyleIdx="4" presStyleCnt="5">
        <dgm:presLayoutVars>
          <dgm:bulletEnabled val="1"/>
        </dgm:presLayoutVars>
      </dgm:prSet>
      <dgm:spPr/>
    </dgm:pt>
  </dgm:ptLst>
  <dgm:cxnLst>
    <dgm:cxn modelId="{4D195419-072C-45A7-A284-CC224EA78300}" type="presOf" srcId="{42C26A85-94B5-450C-81AF-11772F3640F8}" destId="{653A38F4-BF46-4744-84D2-23B0C4C43634}" srcOrd="0" destOrd="0" presId="urn:microsoft.com/office/officeart/2005/8/layout/default"/>
    <dgm:cxn modelId="{3C096F1E-F2E2-4AA3-A915-99BB850BEF27}" type="presOf" srcId="{5DE09DD6-3883-40D1-841B-4983B479D0BE}" destId="{519D977A-EDDF-4496-B7C6-DD1C9ED03EE3}" srcOrd="0" destOrd="0" presId="urn:microsoft.com/office/officeart/2005/8/layout/default"/>
    <dgm:cxn modelId="{6F18CF26-76E4-4743-B097-7F5C3EB3D176}" type="presOf" srcId="{4FDEE90A-EF0F-437A-B10A-D5B5F4DA8054}" destId="{298D57C7-0521-4998-B6D3-5007C3546165}" srcOrd="0" destOrd="0" presId="urn:microsoft.com/office/officeart/2005/8/layout/default"/>
    <dgm:cxn modelId="{01B23230-93FD-474F-A9E2-A0A60117152A}" type="presOf" srcId="{B36810C1-E637-4D8F-A934-E1B5EEAC1C5B}" destId="{6D608A9B-0875-45DB-B506-F2A53F25B540}" srcOrd="0" destOrd="0" presId="urn:microsoft.com/office/officeart/2005/8/layout/default"/>
    <dgm:cxn modelId="{2CB6DD47-4AC3-4322-813F-1BBB4D3EEE1F}" srcId="{42C26A85-94B5-450C-81AF-11772F3640F8}" destId="{6D5F4F58-8122-414B-86E5-7B0EA354DE6D}" srcOrd="1" destOrd="0" parTransId="{F2DA41C5-C704-4F0B-A97C-27D2831BEB4F}" sibTransId="{CF4E4E52-CDAB-4645-867B-2BE118858DE3}"/>
    <dgm:cxn modelId="{C74CF875-A619-4A63-BAFD-C8AC1E7DCA1A}" srcId="{42C26A85-94B5-450C-81AF-11772F3640F8}" destId="{5DE09DD6-3883-40D1-841B-4983B479D0BE}" srcOrd="0" destOrd="0" parTransId="{3A0BB58A-605E-4BF7-AF8C-A4747B737157}" sibTransId="{DB8D40F2-13CE-4EF8-A6D6-E0E67F7834D7}"/>
    <dgm:cxn modelId="{2C981777-79BA-4B83-A8E5-79720097F356}" type="presOf" srcId="{B0F0A7A2-F86C-4E10-BA34-06DE849D9A7B}" destId="{E91E47C7-E8DA-4EE2-A8AE-24723ABA1BC1}" srcOrd="0" destOrd="0" presId="urn:microsoft.com/office/officeart/2005/8/layout/default"/>
    <dgm:cxn modelId="{89A51B58-100F-4909-AC06-8A110BC2758D}" srcId="{42C26A85-94B5-450C-81AF-11772F3640F8}" destId="{B36810C1-E637-4D8F-A934-E1B5EEAC1C5B}" srcOrd="4" destOrd="0" parTransId="{81BD74D1-1AA3-40D1-95FC-5F8A8297C20D}" sibTransId="{66345C70-1403-49BD-A483-7972ED6E6E7B}"/>
    <dgm:cxn modelId="{16D9B58B-018F-43BA-A5EA-86D32D7A01EE}" type="presOf" srcId="{6D5F4F58-8122-414B-86E5-7B0EA354DE6D}" destId="{11679702-B8E8-48DC-8492-9573891E12AE}" srcOrd="0" destOrd="0" presId="urn:microsoft.com/office/officeart/2005/8/layout/default"/>
    <dgm:cxn modelId="{883616C6-133F-4910-886B-167574009AD4}" srcId="{42C26A85-94B5-450C-81AF-11772F3640F8}" destId="{B0F0A7A2-F86C-4E10-BA34-06DE849D9A7B}" srcOrd="2" destOrd="0" parTransId="{BF9D012B-8061-431A-A6A7-FD03F8CCC557}" sibTransId="{249F985D-0B98-4137-ACC1-8C585CAD38C4}"/>
    <dgm:cxn modelId="{C1C4F0F5-8A66-4B60-9FE6-A3CC6EAE5995}" srcId="{42C26A85-94B5-450C-81AF-11772F3640F8}" destId="{4FDEE90A-EF0F-437A-B10A-D5B5F4DA8054}" srcOrd="3" destOrd="0" parTransId="{80C0022E-84C1-490D-AD58-1C0C1A435089}" sibTransId="{344684BA-CBEF-4520-83A6-767246F5BF76}"/>
    <dgm:cxn modelId="{B65BD6AC-1C0F-462A-9301-2D03A108E248}" type="presParOf" srcId="{653A38F4-BF46-4744-84D2-23B0C4C43634}" destId="{519D977A-EDDF-4496-B7C6-DD1C9ED03EE3}" srcOrd="0" destOrd="0" presId="urn:microsoft.com/office/officeart/2005/8/layout/default"/>
    <dgm:cxn modelId="{4B8DD1AE-709A-43BB-86B3-F4C55D22306C}" type="presParOf" srcId="{653A38F4-BF46-4744-84D2-23B0C4C43634}" destId="{34200348-C2CE-43DE-873A-82908F00095F}" srcOrd="1" destOrd="0" presId="urn:microsoft.com/office/officeart/2005/8/layout/default"/>
    <dgm:cxn modelId="{13FA1E26-063E-4B93-849C-D3DD968E4F85}" type="presParOf" srcId="{653A38F4-BF46-4744-84D2-23B0C4C43634}" destId="{11679702-B8E8-48DC-8492-9573891E12AE}" srcOrd="2" destOrd="0" presId="urn:microsoft.com/office/officeart/2005/8/layout/default"/>
    <dgm:cxn modelId="{81909FA6-7CB3-4C02-A230-10A28D28372C}" type="presParOf" srcId="{653A38F4-BF46-4744-84D2-23B0C4C43634}" destId="{A36161BC-1DB9-4DFC-9D24-74837B8A054C}" srcOrd="3" destOrd="0" presId="urn:microsoft.com/office/officeart/2005/8/layout/default"/>
    <dgm:cxn modelId="{23F16B76-981C-426D-97FC-75148B4858AA}" type="presParOf" srcId="{653A38F4-BF46-4744-84D2-23B0C4C43634}" destId="{E91E47C7-E8DA-4EE2-A8AE-24723ABA1BC1}" srcOrd="4" destOrd="0" presId="urn:microsoft.com/office/officeart/2005/8/layout/default"/>
    <dgm:cxn modelId="{A90C2C17-C226-4699-88AE-C86FE467F226}" type="presParOf" srcId="{653A38F4-BF46-4744-84D2-23B0C4C43634}" destId="{9F49BE4F-93B8-46A1-A5FC-81F97DFFA0E3}" srcOrd="5" destOrd="0" presId="urn:microsoft.com/office/officeart/2005/8/layout/default"/>
    <dgm:cxn modelId="{BB1ECBCD-B7E9-4C74-99B0-590C85FD308F}" type="presParOf" srcId="{653A38F4-BF46-4744-84D2-23B0C4C43634}" destId="{298D57C7-0521-4998-B6D3-5007C3546165}" srcOrd="6" destOrd="0" presId="urn:microsoft.com/office/officeart/2005/8/layout/default"/>
    <dgm:cxn modelId="{A6491278-F18C-42EB-BE0E-492463B160B4}" type="presParOf" srcId="{653A38F4-BF46-4744-84D2-23B0C4C43634}" destId="{720BC8C5-B61C-4F8A-9B1C-422260885F36}" srcOrd="7" destOrd="0" presId="urn:microsoft.com/office/officeart/2005/8/layout/default"/>
    <dgm:cxn modelId="{1065BDCF-0292-4609-9A43-D2A17323C27E}" type="presParOf" srcId="{653A38F4-BF46-4744-84D2-23B0C4C43634}" destId="{6D608A9B-0875-45DB-B506-F2A53F25B540}" srcOrd="8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3F85322-76F1-4A92-9C9E-E166F52C5B87}">
      <dsp:nvSpPr>
        <dsp:cNvPr id="0" name=""/>
        <dsp:cNvSpPr/>
      </dsp:nvSpPr>
      <dsp:spPr>
        <a:xfrm>
          <a:off x="0" y="29766"/>
          <a:ext cx="2464593" cy="1478756"/>
        </a:xfrm>
        <a:prstGeom prst="rect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i="1" kern="1200" dirty="0"/>
            <a:t>Almindelige domstole står meget stærkt i Danmark med Højesteret som generalistdomstol</a:t>
          </a:r>
          <a:endParaRPr lang="en-US" sz="1900" kern="1200" dirty="0"/>
        </a:p>
      </dsp:txBody>
      <dsp:txXfrm>
        <a:off x="0" y="29766"/>
        <a:ext cx="2464593" cy="1478756"/>
      </dsp:txXfrm>
    </dsp:sp>
    <dsp:sp modelId="{AB6DCC12-A5E5-414A-9E44-C39F1B9210E3}">
      <dsp:nvSpPr>
        <dsp:cNvPr id="0" name=""/>
        <dsp:cNvSpPr/>
      </dsp:nvSpPr>
      <dsp:spPr>
        <a:xfrm>
          <a:off x="2711053" y="29766"/>
          <a:ext cx="2464593" cy="1478756"/>
        </a:xfrm>
        <a:prstGeom prst="rect">
          <a:avLst/>
        </a:prstGeom>
        <a:solidFill>
          <a:schemeClr val="accent5">
            <a:hueOff val="-1689636"/>
            <a:satOff val="-4355"/>
            <a:lumOff val="-2941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 dirty="0"/>
            <a:t>Offentlig ret og privat ret skal ikke adskilles!</a:t>
          </a:r>
          <a:endParaRPr lang="en-US" sz="1900" kern="1200" dirty="0"/>
        </a:p>
      </dsp:txBody>
      <dsp:txXfrm>
        <a:off x="2711053" y="29766"/>
        <a:ext cx="2464593" cy="1478756"/>
      </dsp:txXfrm>
    </dsp:sp>
    <dsp:sp modelId="{FFA98BC7-CA03-4BC5-865D-C7A021722796}">
      <dsp:nvSpPr>
        <dsp:cNvPr id="0" name=""/>
        <dsp:cNvSpPr/>
      </dsp:nvSpPr>
      <dsp:spPr>
        <a:xfrm>
          <a:off x="5422106" y="29766"/>
          <a:ext cx="2464593" cy="1478756"/>
        </a:xfrm>
        <a:prstGeom prst="rect">
          <a:avLst/>
        </a:prstGeom>
        <a:solidFill>
          <a:schemeClr val="accent5">
            <a:hueOff val="-3379271"/>
            <a:satOff val="-8710"/>
            <a:lumOff val="-5883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kern="1200"/>
            <a:t>Danmark for lille til forvaltningsdomstole!</a:t>
          </a:r>
          <a:endParaRPr lang="en-US" sz="1900" kern="1200"/>
        </a:p>
      </dsp:txBody>
      <dsp:txXfrm>
        <a:off x="5422106" y="29766"/>
        <a:ext cx="2464593" cy="1478756"/>
      </dsp:txXfrm>
    </dsp:sp>
    <dsp:sp modelId="{B10A24FC-F6E6-4A59-8D64-799522635527}">
      <dsp:nvSpPr>
        <dsp:cNvPr id="0" name=""/>
        <dsp:cNvSpPr/>
      </dsp:nvSpPr>
      <dsp:spPr>
        <a:xfrm>
          <a:off x="1355526" y="1754981"/>
          <a:ext cx="2464593" cy="1478756"/>
        </a:xfrm>
        <a:prstGeom prst="rect">
          <a:avLst/>
        </a:prstGeom>
        <a:solidFill>
          <a:schemeClr val="accent5">
            <a:hueOff val="-5068907"/>
            <a:satOff val="-13064"/>
            <a:lumOff val="-8824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 dirty="0"/>
            <a:t>I 1800-tallet </a:t>
          </a:r>
          <a:r>
            <a:rPr lang="en-US" sz="1900" kern="1200" dirty="0" err="1"/>
            <a:t>så</a:t>
          </a:r>
          <a:r>
            <a:rPr lang="en-US" sz="1900" kern="1200" dirty="0"/>
            <a:t> man </a:t>
          </a:r>
          <a:r>
            <a:rPr lang="en-US" sz="1900" kern="1200" dirty="0" err="1"/>
            <a:t>ingen</a:t>
          </a:r>
          <a:r>
            <a:rPr lang="en-US" sz="1900" kern="1200" dirty="0"/>
            <a:t> </a:t>
          </a:r>
          <a:r>
            <a:rPr lang="en-US" sz="1900" kern="1200" dirty="0" err="1"/>
            <a:t>grund</a:t>
          </a:r>
          <a:r>
            <a:rPr lang="en-US" sz="1900" kern="1200" dirty="0"/>
            <a:t> til at </a:t>
          </a:r>
          <a:r>
            <a:rPr lang="en-US" sz="1900" kern="1200" dirty="0" err="1"/>
            <a:t>kontrollere</a:t>
          </a:r>
          <a:r>
            <a:rPr lang="en-US" sz="1900" kern="1200" dirty="0"/>
            <a:t> </a:t>
          </a:r>
          <a:r>
            <a:rPr lang="en-US" sz="1900" kern="1200" dirty="0" err="1"/>
            <a:t>magten</a:t>
          </a:r>
          <a:endParaRPr lang="en-US" sz="1900" kern="1200" dirty="0"/>
        </a:p>
      </dsp:txBody>
      <dsp:txXfrm>
        <a:off x="1355526" y="1754981"/>
        <a:ext cx="2464593" cy="1478756"/>
      </dsp:txXfrm>
    </dsp:sp>
    <dsp:sp modelId="{BC4CA012-346D-4CDC-AAED-64DEFFDDA063}">
      <dsp:nvSpPr>
        <dsp:cNvPr id="0" name=""/>
        <dsp:cNvSpPr/>
      </dsp:nvSpPr>
      <dsp:spPr>
        <a:xfrm>
          <a:off x="4066579" y="1754981"/>
          <a:ext cx="2464593" cy="1478756"/>
        </a:xfrm>
        <a:prstGeom prst="rect">
          <a:avLst/>
        </a:prstGeom>
        <a:solidFill>
          <a:schemeClr val="accent5">
            <a:hueOff val="-6758543"/>
            <a:satOff val="-17419"/>
            <a:lumOff val="-11765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 dirty="0"/>
            <a:t>Vi </a:t>
          </a:r>
          <a:r>
            <a:rPr lang="en-US" sz="1900" kern="1200" dirty="0" err="1"/>
            <a:t>har</a:t>
          </a:r>
          <a:r>
            <a:rPr lang="en-US" sz="1900" kern="1200" dirty="0"/>
            <a:t> </a:t>
          </a:r>
          <a:r>
            <a:rPr lang="en-US" sz="1900" kern="1200" dirty="0" err="1"/>
            <a:t>allerede</a:t>
          </a:r>
          <a:r>
            <a:rPr lang="en-US" sz="1900" kern="1200" dirty="0"/>
            <a:t> </a:t>
          </a:r>
          <a:r>
            <a:rPr lang="en-US" sz="1900" kern="1200" dirty="0" err="1"/>
            <a:t>råd</a:t>
          </a:r>
          <a:r>
            <a:rPr lang="en-US" sz="1900" kern="1200" dirty="0"/>
            <a:t> og </a:t>
          </a:r>
          <a:r>
            <a:rPr lang="en-US" sz="1900" kern="1200" dirty="0" err="1"/>
            <a:t>nævn</a:t>
          </a:r>
          <a:r>
            <a:rPr lang="en-US" sz="1900" kern="1200" dirty="0"/>
            <a:t>?</a:t>
          </a:r>
          <a:endParaRPr lang="en-US" sz="1900" b="1" kern="1200" dirty="0"/>
        </a:p>
      </dsp:txBody>
      <dsp:txXfrm>
        <a:off x="4066579" y="1754981"/>
        <a:ext cx="2464593" cy="1478756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CA01A47-121B-4897-A42D-83F6FF0D773E}">
      <dsp:nvSpPr>
        <dsp:cNvPr id="0" name=""/>
        <dsp:cNvSpPr/>
      </dsp:nvSpPr>
      <dsp:spPr>
        <a:xfrm>
          <a:off x="0" y="11213"/>
          <a:ext cx="7886700" cy="743535"/>
        </a:xfrm>
        <a:prstGeom prst="roundRect">
          <a:avLst/>
        </a:prstGeom>
        <a:solidFill>
          <a:schemeClr val="accent6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8110" tIns="118110" rIns="118110" bIns="118110" numCol="1" spcCol="1270" anchor="ctr" anchorCtr="0">
          <a:noAutofit/>
        </a:bodyPr>
        <a:lstStyle/>
        <a:p>
          <a:pPr marL="0" lvl="0" indent="0" algn="l" defTabSz="1377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100" kern="1200"/>
            <a:t>Én formand udpeget af justitsministeren</a:t>
          </a:r>
          <a:endParaRPr lang="en-US" sz="3100" kern="1200"/>
        </a:p>
      </dsp:txBody>
      <dsp:txXfrm>
        <a:off x="36296" y="47509"/>
        <a:ext cx="7814108" cy="670943"/>
      </dsp:txXfrm>
    </dsp:sp>
    <dsp:sp modelId="{FCA2CB85-7B2B-4964-A19E-746AEEF94FD4}">
      <dsp:nvSpPr>
        <dsp:cNvPr id="0" name=""/>
        <dsp:cNvSpPr/>
      </dsp:nvSpPr>
      <dsp:spPr>
        <a:xfrm>
          <a:off x="0" y="844028"/>
          <a:ext cx="7886700" cy="743535"/>
        </a:xfrm>
        <a:prstGeom prst="roundRect">
          <a:avLst/>
        </a:prstGeom>
        <a:solidFill>
          <a:schemeClr val="accent6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8110" tIns="118110" rIns="118110" bIns="118110" numCol="1" spcCol="1270" anchor="ctr" anchorCtr="0">
          <a:noAutofit/>
        </a:bodyPr>
        <a:lstStyle/>
        <a:p>
          <a:pPr marL="0" lvl="0" indent="0" algn="l" defTabSz="1377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100" kern="1200"/>
            <a:t>To Folketingsmedlemmer</a:t>
          </a:r>
          <a:endParaRPr lang="en-US" sz="3100" kern="1200"/>
        </a:p>
      </dsp:txBody>
      <dsp:txXfrm>
        <a:off x="36296" y="880324"/>
        <a:ext cx="7814108" cy="670943"/>
      </dsp:txXfrm>
    </dsp:sp>
    <dsp:sp modelId="{CE192645-141A-448C-9FD6-70A34252F4B9}">
      <dsp:nvSpPr>
        <dsp:cNvPr id="0" name=""/>
        <dsp:cNvSpPr/>
      </dsp:nvSpPr>
      <dsp:spPr>
        <a:xfrm>
          <a:off x="0" y="1676843"/>
          <a:ext cx="7886700" cy="743535"/>
        </a:xfrm>
        <a:prstGeom prst="roundRect">
          <a:avLst/>
        </a:prstGeom>
        <a:solidFill>
          <a:schemeClr val="accent6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8110" tIns="118110" rIns="118110" bIns="118110" numCol="1" spcCol="1270" anchor="ctr" anchorCtr="0">
          <a:noAutofit/>
        </a:bodyPr>
        <a:lstStyle/>
        <a:p>
          <a:pPr marL="0" lvl="0" indent="0" algn="l" defTabSz="1377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100" kern="1200"/>
            <a:t>To Landstingsmedlemmer</a:t>
          </a:r>
          <a:endParaRPr lang="en-US" sz="3100" kern="1200"/>
        </a:p>
      </dsp:txBody>
      <dsp:txXfrm>
        <a:off x="36296" y="1713139"/>
        <a:ext cx="7814108" cy="670943"/>
      </dsp:txXfrm>
    </dsp:sp>
    <dsp:sp modelId="{A0339FC3-3598-4D01-A944-FE93CB0E7AE9}">
      <dsp:nvSpPr>
        <dsp:cNvPr id="0" name=""/>
        <dsp:cNvSpPr/>
      </dsp:nvSpPr>
      <dsp:spPr>
        <a:xfrm>
          <a:off x="0" y="2509659"/>
          <a:ext cx="7886700" cy="743535"/>
        </a:xfrm>
        <a:prstGeom prst="roundRect">
          <a:avLst/>
        </a:prstGeom>
        <a:solidFill>
          <a:schemeClr val="accent6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8110" tIns="118110" rIns="118110" bIns="118110" numCol="1" spcCol="1270" anchor="ctr" anchorCtr="0">
          <a:noAutofit/>
        </a:bodyPr>
        <a:lstStyle/>
        <a:p>
          <a:pPr marL="0" lvl="0" indent="0" algn="l" defTabSz="1377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100" kern="1200"/>
            <a:t>To Højesteretsdommere</a:t>
          </a:r>
          <a:endParaRPr lang="en-US" sz="3100" kern="1200"/>
        </a:p>
      </dsp:txBody>
      <dsp:txXfrm>
        <a:off x="36296" y="2545955"/>
        <a:ext cx="7814108" cy="670943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19D977A-EDDF-4496-B7C6-DD1C9ED03EE3}">
      <dsp:nvSpPr>
        <dsp:cNvPr id="0" name=""/>
        <dsp:cNvSpPr/>
      </dsp:nvSpPr>
      <dsp:spPr>
        <a:xfrm>
          <a:off x="0" y="29766"/>
          <a:ext cx="2464593" cy="1478756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b="0" i="0" kern="1200" baseline="0" dirty="0"/>
            <a:t>Landsskatteretten 1938 </a:t>
          </a:r>
          <a:endParaRPr lang="en-US" sz="1900" kern="1200" dirty="0"/>
        </a:p>
      </dsp:txBody>
      <dsp:txXfrm>
        <a:off x="0" y="29766"/>
        <a:ext cx="2464593" cy="1478756"/>
      </dsp:txXfrm>
    </dsp:sp>
    <dsp:sp modelId="{11679702-B8E8-48DC-8492-9573891E12AE}">
      <dsp:nvSpPr>
        <dsp:cNvPr id="0" name=""/>
        <dsp:cNvSpPr/>
      </dsp:nvSpPr>
      <dsp:spPr>
        <a:xfrm>
          <a:off x="2711053" y="29766"/>
          <a:ext cx="2464593" cy="1478756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b="0" i="0" kern="1200" baseline="0" dirty="0"/>
            <a:t>Valgbarhedsnævnet 1965</a:t>
          </a:r>
          <a:endParaRPr lang="en-US" sz="1900" kern="1200" dirty="0"/>
        </a:p>
      </dsp:txBody>
      <dsp:txXfrm>
        <a:off x="2711053" y="29766"/>
        <a:ext cx="2464593" cy="1478756"/>
      </dsp:txXfrm>
    </dsp:sp>
    <dsp:sp modelId="{E91E47C7-E8DA-4EE2-A8AE-24723ABA1BC1}">
      <dsp:nvSpPr>
        <dsp:cNvPr id="0" name=""/>
        <dsp:cNvSpPr/>
      </dsp:nvSpPr>
      <dsp:spPr>
        <a:xfrm>
          <a:off x="5422106" y="29766"/>
          <a:ext cx="2464593" cy="1478756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b="0" i="0" kern="1200" baseline="0" dirty="0"/>
            <a:t>Miljøankenævnet</a:t>
          </a:r>
          <a:r>
            <a:rPr lang="da-DK" sz="1900" kern="1200" dirty="0"/>
            <a:t> </a:t>
          </a:r>
          <a:r>
            <a:rPr lang="da-DK" sz="1900" b="0" i="0" kern="1200" baseline="0" dirty="0"/>
            <a:t>(senere Miljø- og Fødevareklagenævnet), 1974</a:t>
          </a:r>
          <a:endParaRPr lang="en-US" sz="1900" kern="1200" dirty="0"/>
        </a:p>
      </dsp:txBody>
      <dsp:txXfrm>
        <a:off x="5422106" y="29766"/>
        <a:ext cx="2464593" cy="1478756"/>
      </dsp:txXfrm>
    </dsp:sp>
    <dsp:sp modelId="{298D57C7-0521-4998-B6D3-5007C3546165}">
      <dsp:nvSpPr>
        <dsp:cNvPr id="0" name=""/>
        <dsp:cNvSpPr/>
      </dsp:nvSpPr>
      <dsp:spPr>
        <a:xfrm>
          <a:off x="1355526" y="1754981"/>
          <a:ext cx="2464593" cy="1478756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b="0" i="0" kern="1200" baseline="0" dirty="0"/>
            <a:t>Adoptionsnævnet, 1976</a:t>
          </a:r>
          <a:endParaRPr lang="en-US" sz="1900" kern="1200" dirty="0"/>
        </a:p>
      </dsp:txBody>
      <dsp:txXfrm>
        <a:off x="1355526" y="1754981"/>
        <a:ext cx="2464593" cy="1478756"/>
      </dsp:txXfrm>
    </dsp:sp>
    <dsp:sp modelId="{6D608A9B-0875-45DB-B506-F2A53F25B540}">
      <dsp:nvSpPr>
        <dsp:cNvPr id="0" name=""/>
        <dsp:cNvSpPr/>
      </dsp:nvSpPr>
      <dsp:spPr>
        <a:xfrm>
          <a:off x="4066579" y="1754981"/>
          <a:ext cx="2464593" cy="1478756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900" b="0" i="0" kern="1200" baseline="0" dirty="0"/>
            <a:t>Flygtningenævnet, 1983</a:t>
          </a:r>
          <a:endParaRPr lang="en-US" sz="1900" kern="1200" dirty="0"/>
        </a:p>
      </dsp:txBody>
      <dsp:txXfrm>
        <a:off x="4066579" y="1754981"/>
        <a:ext cx="2464593" cy="147875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8/01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3074409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3987309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6859658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indent="152400" algn="l">
              <a:spcBef>
                <a:spcPts val="1000"/>
              </a:spcBef>
            </a:pPr>
            <a:endParaRPr lang="en-GB" b="0" i="0" u="none" strike="noStrike" dirty="0">
              <a:solidFill>
                <a:srgbClr val="212529"/>
              </a:solidFill>
              <a:effectLst/>
              <a:latin typeface="Questa-Regular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664811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9136026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2359454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7532479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99" name="Text Box 27"/>
          <p:cNvSpPr txBox="1">
            <a:spLocks noChangeArrowheads="1"/>
          </p:cNvSpPr>
          <p:nvPr/>
        </p:nvSpPr>
        <p:spPr bwMode="auto">
          <a:xfrm>
            <a:off x="4491567" y="5772150"/>
            <a:ext cx="7198784" cy="719138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/>
            <a:r>
              <a:rPr lang="da-DK" sz="5500">
                <a:solidFill>
                  <a:schemeClr val="tx2"/>
                </a:solidFill>
                <a:latin typeface="AU Peto" pitchFamily="82" charset="0"/>
              </a:rPr>
              <a:t>TATION</a:t>
            </a:r>
          </a:p>
        </p:txBody>
      </p:sp>
      <p:sp>
        <p:nvSpPr>
          <p:cNvPr id="3098" name="Text Box 26"/>
          <p:cNvSpPr txBox="1">
            <a:spLocks noChangeArrowheads="1"/>
          </p:cNvSpPr>
          <p:nvPr/>
        </p:nvSpPr>
        <p:spPr bwMode="auto">
          <a:xfrm>
            <a:off x="4491567" y="5772150"/>
            <a:ext cx="7198784" cy="719138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none" lIns="0" tIns="0" rIns="0" bIns="0" anchor="b"/>
          <a:lstStyle/>
          <a:p>
            <a:pPr algn="r"/>
            <a:r>
              <a:rPr lang="da-DK" sz="5500">
                <a:solidFill>
                  <a:schemeClr val="accent1"/>
                </a:solidFill>
                <a:latin typeface="AU Peto" pitchFamily="82" charset="0"/>
              </a:rPr>
              <a:t>pRÆSEN</a:t>
            </a:r>
          </a:p>
        </p:txBody>
      </p:sp>
      <p:sp>
        <p:nvSpPr>
          <p:cNvPr id="3074" name="Rectangle 2"/>
          <p:cNvSpPr>
            <a:spLocks noGrp="1" noChangeArrowheads="1"/>
          </p:cNvSpPr>
          <p:nvPr>
            <p:ph type="ctrTitle"/>
          </p:nvPr>
        </p:nvSpPr>
        <p:spPr/>
        <p:txBody>
          <a:bodyPr/>
          <a:lstStyle>
            <a:lvl1pPr>
              <a:lnSpc>
                <a:spcPts val="3600"/>
              </a:lnSpc>
              <a:defRPr cap="all" baseline="0">
                <a:solidFill>
                  <a:schemeClr val="accent1"/>
                </a:solidFill>
              </a:defRPr>
            </a:lvl1pPr>
          </a:lstStyle>
          <a:p>
            <a:r>
              <a:rPr lang="da-DK"/>
              <a:t>Klik for at redigere titeltypografi i masteren</a:t>
            </a:r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478367" y="2937601"/>
            <a:ext cx="11228917" cy="334963"/>
          </a:xfrm>
        </p:spPr>
        <p:txBody>
          <a:bodyPr/>
          <a:lstStyle>
            <a:lvl1pPr marL="0" indent="0">
              <a:lnSpc>
                <a:spcPct val="97000"/>
              </a:lnSpc>
              <a:buFont typeface="AU Passata" pitchFamily="34" charset="0"/>
              <a:buNone/>
              <a:defRPr sz="1200" cap="all" baseline="0">
                <a:solidFill>
                  <a:schemeClr val="accent1"/>
                </a:solidFill>
              </a:defRPr>
            </a:lvl1pPr>
          </a:lstStyle>
          <a:p>
            <a:r>
              <a:rPr lang="da-DK"/>
              <a:t>Klik for at redigere undertiteltypografien i masteren</a:t>
            </a:r>
          </a:p>
        </p:txBody>
      </p:sp>
      <p:sp>
        <p:nvSpPr>
          <p:cNvPr id="3090" name="Rectangle 18"/>
          <p:cNvSpPr>
            <a:spLocks noChangeArrowheads="1"/>
          </p:cNvSpPr>
          <p:nvPr/>
        </p:nvSpPr>
        <p:spPr bwMode="auto">
          <a:xfrm>
            <a:off x="10075334" y="358775"/>
            <a:ext cx="1631951" cy="71438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endParaRPr lang="da-DK" sz="1800" cap="all" baseline="0"/>
          </a:p>
        </p:txBody>
      </p:sp>
      <p:grpSp>
        <p:nvGrpSpPr>
          <p:cNvPr id="3095" name="Group 23"/>
          <p:cNvGrpSpPr>
            <a:grpSpLocks noChangeAspect="1"/>
          </p:cNvGrpSpPr>
          <p:nvPr/>
        </p:nvGrpSpPr>
        <p:grpSpPr bwMode="auto">
          <a:xfrm>
            <a:off x="478367" y="358776"/>
            <a:ext cx="787400" cy="295275"/>
            <a:chOff x="454" y="227"/>
            <a:chExt cx="384" cy="192"/>
          </a:xfrm>
        </p:grpSpPr>
        <p:sp>
          <p:nvSpPr>
            <p:cNvPr id="3096" name="Freeform 24"/>
            <p:cNvSpPr>
              <a:spLocks noChangeAspect="1"/>
            </p:cNvSpPr>
            <p:nvPr/>
          </p:nvSpPr>
          <p:spPr bwMode="auto">
            <a:xfrm>
              <a:off x="646" y="323"/>
              <a:ext cx="192" cy="96"/>
            </a:xfrm>
            <a:custGeom>
              <a:avLst/>
              <a:gdLst/>
              <a:ahLst/>
              <a:cxnLst>
                <a:cxn ang="0">
                  <a:pos x="8139" y="416"/>
                </a:cxn>
                <a:cxn ang="0">
                  <a:pos x="8033" y="1019"/>
                </a:cxn>
                <a:cxn ang="0">
                  <a:pos x="7841" y="1587"/>
                </a:cxn>
                <a:cxn ang="0">
                  <a:pos x="7571" y="2114"/>
                </a:cxn>
                <a:cxn ang="0">
                  <a:pos x="7231" y="2594"/>
                </a:cxn>
                <a:cxn ang="0">
                  <a:pos x="6827" y="3019"/>
                </a:cxn>
                <a:cxn ang="0">
                  <a:pos x="6365" y="3382"/>
                </a:cxn>
                <a:cxn ang="0">
                  <a:pos x="5853" y="3677"/>
                </a:cxn>
                <a:cxn ang="0">
                  <a:pos x="5297" y="3896"/>
                </a:cxn>
                <a:cxn ang="0">
                  <a:pos x="4703" y="4033"/>
                </a:cxn>
                <a:cxn ang="0">
                  <a:pos x="4080" y="4080"/>
                </a:cxn>
                <a:cxn ang="0">
                  <a:pos x="3460" y="4033"/>
                </a:cxn>
                <a:cxn ang="0">
                  <a:pos x="2868" y="3896"/>
                </a:cxn>
                <a:cxn ang="0">
                  <a:pos x="2313" y="3677"/>
                </a:cxn>
                <a:cxn ang="0">
                  <a:pos x="1800" y="3382"/>
                </a:cxn>
                <a:cxn ang="0">
                  <a:pos x="1338" y="3019"/>
                </a:cxn>
                <a:cxn ang="0">
                  <a:pos x="933" y="2594"/>
                </a:cxn>
                <a:cxn ang="0">
                  <a:pos x="592" y="2114"/>
                </a:cxn>
                <a:cxn ang="0">
                  <a:pos x="321" y="1587"/>
                </a:cxn>
                <a:cxn ang="0">
                  <a:pos x="129" y="1019"/>
                </a:cxn>
                <a:cxn ang="0">
                  <a:pos x="21" y="416"/>
                </a:cxn>
                <a:cxn ang="0">
                  <a:pos x="2040" y="0"/>
                </a:cxn>
                <a:cxn ang="0">
                  <a:pos x="2064" y="309"/>
                </a:cxn>
                <a:cxn ang="0">
                  <a:pos x="2133" y="604"/>
                </a:cxn>
                <a:cxn ang="0">
                  <a:pos x="2243" y="881"/>
                </a:cxn>
                <a:cxn ang="0">
                  <a:pos x="2391" y="1137"/>
                </a:cxn>
                <a:cxn ang="0">
                  <a:pos x="2572" y="1369"/>
                </a:cxn>
                <a:cxn ang="0">
                  <a:pos x="2786" y="1572"/>
                </a:cxn>
                <a:cxn ang="0">
                  <a:pos x="3025" y="1743"/>
                </a:cxn>
                <a:cxn ang="0">
                  <a:pos x="3290" y="1879"/>
                </a:cxn>
                <a:cxn ang="0">
                  <a:pos x="3573" y="1976"/>
                </a:cxn>
                <a:cxn ang="0">
                  <a:pos x="3873" y="2030"/>
                </a:cxn>
                <a:cxn ang="0">
                  <a:pos x="4186" y="2037"/>
                </a:cxn>
                <a:cxn ang="0">
                  <a:pos x="4492" y="1998"/>
                </a:cxn>
                <a:cxn ang="0">
                  <a:pos x="4784" y="1916"/>
                </a:cxn>
                <a:cxn ang="0">
                  <a:pos x="5054" y="1792"/>
                </a:cxn>
                <a:cxn ang="0">
                  <a:pos x="5303" y="1632"/>
                </a:cxn>
                <a:cxn ang="0">
                  <a:pos x="5524" y="1439"/>
                </a:cxn>
                <a:cxn ang="0">
                  <a:pos x="5716" y="1217"/>
                </a:cxn>
                <a:cxn ang="0">
                  <a:pos x="5875" y="969"/>
                </a:cxn>
                <a:cxn ang="0">
                  <a:pos x="5997" y="699"/>
                </a:cxn>
                <a:cxn ang="0">
                  <a:pos x="6079" y="409"/>
                </a:cxn>
                <a:cxn ang="0">
                  <a:pos x="6118" y="104"/>
                </a:cxn>
              </a:cxnLst>
              <a:rect l="0" t="0" r="r" b="b"/>
              <a:pathLst>
                <a:path w="8160" h="4080">
                  <a:moveTo>
                    <a:pt x="8160" y="0"/>
                  </a:moveTo>
                  <a:lnTo>
                    <a:pt x="8155" y="209"/>
                  </a:lnTo>
                  <a:lnTo>
                    <a:pt x="8139" y="416"/>
                  </a:lnTo>
                  <a:lnTo>
                    <a:pt x="8113" y="620"/>
                  </a:lnTo>
                  <a:lnTo>
                    <a:pt x="8077" y="821"/>
                  </a:lnTo>
                  <a:lnTo>
                    <a:pt x="8033" y="1019"/>
                  </a:lnTo>
                  <a:lnTo>
                    <a:pt x="7977" y="1212"/>
                  </a:lnTo>
                  <a:lnTo>
                    <a:pt x="7913" y="1401"/>
                  </a:lnTo>
                  <a:lnTo>
                    <a:pt x="7841" y="1587"/>
                  </a:lnTo>
                  <a:lnTo>
                    <a:pt x="7759" y="1768"/>
                  </a:lnTo>
                  <a:lnTo>
                    <a:pt x="7669" y="1943"/>
                  </a:lnTo>
                  <a:lnTo>
                    <a:pt x="7571" y="2114"/>
                  </a:lnTo>
                  <a:lnTo>
                    <a:pt x="7465" y="2280"/>
                  </a:lnTo>
                  <a:lnTo>
                    <a:pt x="7352" y="2440"/>
                  </a:lnTo>
                  <a:lnTo>
                    <a:pt x="7231" y="2594"/>
                  </a:lnTo>
                  <a:lnTo>
                    <a:pt x="7103" y="2742"/>
                  </a:lnTo>
                  <a:lnTo>
                    <a:pt x="6968" y="2884"/>
                  </a:lnTo>
                  <a:lnTo>
                    <a:pt x="6827" y="3019"/>
                  </a:lnTo>
                  <a:lnTo>
                    <a:pt x="6679" y="3148"/>
                  </a:lnTo>
                  <a:lnTo>
                    <a:pt x="6525" y="3268"/>
                  </a:lnTo>
                  <a:lnTo>
                    <a:pt x="6365" y="3382"/>
                  </a:lnTo>
                  <a:lnTo>
                    <a:pt x="6200" y="3488"/>
                  </a:lnTo>
                  <a:lnTo>
                    <a:pt x="6028" y="3586"/>
                  </a:lnTo>
                  <a:lnTo>
                    <a:pt x="5853" y="3677"/>
                  </a:lnTo>
                  <a:lnTo>
                    <a:pt x="5671" y="3759"/>
                  </a:lnTo>
                  <a:lnTo>
                    <a:pt x="5487" y="3832"/>
                  </a:lnTo>
                  <a:lnTo>
                    <a:pt x="5297" y="3896"/>
                  </a:lnTo>
                  <a:lnTo>
                    <a:pt x="5103" y="3951"/>
                  </a:lnTo>
                  <a:lnTo>
                    <a:pt x="4905" y="3997"/>
                  </a:lnTo>
                  <a:lnTo>
                    <a:pt x="4703" y="4033"/>
                  </a:lnTo>
                  <a:lnTo>
                    <a:pt x="4499" y="4059"/>
                  </a:lnTo>
                  <a:lnTo>
                    <a:pt x="4291" y="4075"/>
                  </a:lnTo>
                  <a:lnTo>
                    <a:pt x="4080" y="4080"/>
                  </a:lnTo>
                  <a:lnTo>
                    <a:pt x="3871" y="4075"/>
                  </a:lnTo>
                  <a:lnTo>
                    <a:pt x="3664" y="4059"/>
                  </a:lnTo>
                  <a:lnTo>
                    <a:pt x="3460" y="4033"/>
                  </a:lnTo>
                  <a:lnTo>
                    <a:pt x="3259" y="3997"/>
                  </a:lnTo>
                  <a:lnTo>
                    <a:pt x="3062" y="3951"/>
                  </a:lnTo>
                  <a:lnTo>
                    <a:pt x="2868" y="3896"/>
                  </a:lnTo>
                  <a:lnTo>
                    <a:pt x="2679" y="3832"/>
                  </a:lnTo>
                  <a:lnTo>
                    <a:pt x="2494" y="3759"/>
                  </a:lnTo>
                  <a:lnTo>
                    <a:pt x="2313" y="3677"/>
                  </a:lnTo>
                  <a:lnTo>
                    <a:pt x="2137" y="3586"/>
                  </a:lnTo>
                  <a:lnTo>
                    <a:pt x="1967" y="3488"/>
                  </a:lnTo>
                  <a:lnTo>
                    <a:pt x="1800" y="3382"/>
                  </a:lnTo>
                  <a:lnTo>
                    <a:pt x="1640" y="3268"/>
                  </a:lnTo>
                  <a:lnTo>
                    <a:pt x="1486" y="3148"/>
                  </a:lnTo>
                  <a:lnTo>
                    <a:pt x="1338" y="3019"/>
                  </a:lnTo>
                  <a:lnTo>
                    <a:pt x="1196" y="2884"/>
                  </a:lnTo>
                  <a:lnTo>
                    <a:pt x="1061" y="2742"/>
                  </a:lnTo>
                  <a:lnTo>
                    <a:pt x="933" y="2594"/>
                  </a:lnTo>
                  <a:lnTo>
                    <a:pt x="812" y="2440"/>
                  </a:lnTo>
                  <a:lnTo>
                    <a:pt x="698" y="2280"/>
                  </a:lnTo>
                  <a:lnTo>
                    <a:pt x="592" y="2114"/>
                  </a:lnTo>
                  <a:lnTo>
                    <a:pt x="493" y="1943"/>
                  </a:lnTo>
                  <a:lnTo>
                    <a:pt x="403" y="1768"/>
                  </a:lnTo>
                  <a:lnTo>
                    <a:pt x="321" y="1587"/>
                  </a:lnTo>
                  <a:lnTo>
                    <a:pt x="248" y="1401"/>
                  </a:lnTo>
                  <a:lnTo>
                    <a:pt x="184" y="1212"/>
                  </a:lnTo>
                  <a:lnTo>
                    <a:pt x="129" y="1019"/>
                  </a:lnTo>
                  <a:lnTo>
                    <a:pt x="83" y="821"/>
                  </a:lnTo>
                  <a:lnTo>
                    <a:pt x="47" y="620"/>
                  </a:lnTo>
                  <a:lnTo>
                    <a:pt x="21" y="416"/>
                  </a:lnTo>
                  <a:lnTo>
                    <a:pt x="5" y="209"/>
                  </a:lnTo>
                  <a:lnTo>
                    <a:pt x="0" y="0"/>
                  </a:lnTo>
                  <a:lnTo>
                    <a:pt x="2040" y="0"/>
                  </a:lnTo>
                  <a:lnTo>
                    <a:pt x="2043" y="104"/>
                  </a:lnTo>
                  <a:lnTo>
                    <a:pt x="2051" y="207"/>
                  </a:lnTo>
                  <a:lnTo>
                    <a:pt x="2064" y="309"/>
                  </a:lnTo>
                  <a:lnTo>
                    <a:pt x="2082" y="409"/>
                  </a:lnTo>
                  <a:lnTo>
                    <a:pt x="2105" y="507"/>
                  </a:lnTo>
                  <a:lnTo>
                    <a:pt x="2133" y="604"/>
                  </a:lnTo>
                  <a:lnTo>
                    <a:pt x="2164" y="699"/>
                  </a:lnTo>
                  <a:lnTo>
                    <a:pt x="2201" y="791"/>
                  </a:lnTo>
                  <a:lnTo>
                    <a:pt x="2243" y="881"/>
                  </a:lnTo>
                  <a:lnTo>
                    <a:pt x="2288" y="969"/>
                  </a:lnTo>
                  <a:lnTo>
                    <a:pt x="2337" y="1055"/>
                  </a:lnTo>
                  <a:lnTo>
                    <a:pt x="2391" y="1137"/>
                  </a:lnTo>
                  <a:lnTo>
                    <a:pt x="2448" y="1217"/>
                  </a:lnTo>
                  <a:lnTo>
                    <a:pt x="2508" y="1294"/>
                  </a:lnTo>
                  <a:lnTo>
                    <a:pt x="2572" y="1369"/>
                  </a:lnTo>
                  <a:lnTo>
                    <a:pt x="2641" y="1439"/>
                  </a:lnTo>
                  <a:lnTo>
                    <a:pt x="2711" y="1508"/>
                  </a:lnTo>
                  <a:lnTo>
                    <a:pt x="2786" y="1572"/>
                  </a:lnTo>
                  <a:lnTo>
                    <a:pt x="2863" y="1632"/>
                  </a:lnTo>
                  <a:lnTo>
                    <a:pt x="2943" y="1689"/>
                  </a:lnTo>
                  <a:lnTo>
                    <a:pt x="3025" y="1743"/>
                  </a:lnTo>
                  <a:lnTo>
                    <a:pt x="3111" y="1792"/>
                  </a:lnTo>
                  <a:lnTo>
                    <a:pt x="3199" y="1838"/>
                  </a:lnTo>
                  <a:lnTo>
                    <a:pt x="3290" y="1879"/>
                  </a:lnTo>
                  <a:lnTo>
                    <a:pt x="3381" y="1916"/>
                  </a:lnTo>
                  <a:lnTo>
                    <a:pt x="3476" y="1948"/>
                  </a:lnTo>
                  <a:lnTo>
                    <a:pt x="3573" y="1976"/>
                  </a:lnTo>
                  <a:lnTo>
                    <a:pt x="3671" y="1998"/>
                  </a:lnTo>
                  <a:lnTo>
                    <a:pt x="3771" y="2017"/>
                  </a:lnTo>
                  <a:lnTo>
                    <a:pt x="3873" y="2030"/>
                  </a:lnTo>
                  <a:lnTo>
                    <a:pt x="3976" y="2037"/>
                  </a:lnTo>
                  <a:lnTo>
                    <a:pt x="4080" y="2040"/>
                  </a:lnTo>
                  <a:lnTo>
                    <a:pt x="4186" y="2037"/>
                  </a:lnTo>
                  <a:lnTo>
                    <a:pt x="4289" y="2030"/>
                  </a:lnTo>
                  <a:lnTo>
                    <a:pt x="4392" y="2017"/>
                  </a:lnTo>
                  <a:lnTo>
                    <a:pt x="4492" y="1998"/>
                  </a:lnTo>
                  <a:lnTo>
                    <a:pt x="4591" y="1976"/>
                  </a:lnTo>
                  <a:lnTo>
                    <a:pt x="4688" y="1948"/>
                  </a:lnTo>
                  <a:lnTo>
                    <a:pt x="4784" y="1916"/>
                  </a:lnTo>
                  <a:lnTo>
                    <a:pt x="4876" y="1879"/>
                  </a:lnTo>
                  <a:lnTo>
                    <a:pt x="4966" y="1838"/>
                  </a:lnTo>
                  <a:lnTo>
                    <a:pt x="5054" y="1792"/>
                  </a:lnTo>
                  <a:lnTo>
                    <a:pt x="5140" y="1743"/>
                  </a:lnTo>
                  <a:lnTo>
                    <a:pt x="5222" y="1689"/>
                  </a:lnTo>
                  <a:lnTo>
                    <a:pt x="5303" y="1632"/>
                  </a:lnTo>
                  <a:lnTo>
                    <a:pt x="5379" y="1572"/>
                  </a:lnTo>
                  <a:lnTo>
                    <a:pt x="5454" y="1508"/>
                  </a:lnTo>
                  <a:lnTo>
                    <a:pt x="5524" y="1439"/>
                  </a:lnTo>
                  <a:lnTo>
                    <a:pt x="5592" y="1369"/>
                  </a:lnTo>
                  <a:lnTo>
                    <a:pt x="5656" y="1294"/>
                  </a:lnTo>
                  <a:lnTo>
                    <a:pt x="5716" y="1217"/>
                  </a:lnTo>
                  <a:lnTo>
                    <a:pt x="5773" y="1137"/>
                  </a:lnTo>
                  <a:lnTo>
                    <a:pt x="5826" y="1055"/>
                  </a:lnTo>
                  <a:lnTo>
                    <a:pt x="5875" y="969"/>
                  </a:lnTo>
                  <a:lnTo>
                    <a:pt x="5920" y="881"/>
                  </a:lnTo>
                  <a:lnTo>
                    <a:pt x="5961" y="791"/>
                  </a:lnTo>
                  <a:lnTo>
                    <a:pt x="5997" y="699"/>
                  </a:lnTo>
                  <a:lnTo>
                    <a:pt x="6029" y="604"/>
                  </a:lnTo>
                  <a:lnTo>
                    <a:pt x="6057" y="507"/>
                  </a:lnTo>
                  <a:lnTo>
                    <a:pt x="6079" y="409"/>
                  </a:lnTo>
                  <a:lnTo>
                    <a:pt x="6097" y="309"/>
                  </a:lnTo>
                  <a:lnTo>
                    <a:pt x="6110" y="207"/>
                  </a:lnTo>
                  <a:lnTo>
                    <a:pt x="6118" y="104"/>
                  </a:lnTo>
                  <a:lnTo>
                    <a:pt x="6120" y="0"/>
                  </a:lnTo>
                  <a:lnTo>
                    <a:pt x="8160" y="0"/>
                  </a:lnTo>
                  <a:close/>
                </a:path>
              </a:pathLst>
            </a:custGeom>
            <a:solidFill>
              <a:schemeClr val="bg1"/>
            </a:solidFill>
            <a:ln w="9525">
              <a:noFill/>
              <a:round/>
              <a:headEnd/>
              <a:tailEnd/>
            </a:ln>
          </p:spPr>
          <p:txBody>
            <a:bodyPr/>
            <a:lstStyle/>
            <a:p>
              <a:endParaRPr lang="da-DK" sz="1800" cap="all" baseline="0"/>
            </a:p>
          </p:txBody>
        </p:sp>
        <p:sp>
          <p:nvSpPr>
            <p:cNvPr id="3097" name="Freeform 25"/>
            <p:cNvSpPr>
              <a:spLocks noChangeAspect="1"/>
            </p:cNvSpPr>
            <p:nvPr/>
          </p:nvSpPr>
          <p:spPr bwMode="auto">
            <a:xfrm>
              <a:off x="454" y="227"/>
              <a:ext cx="192" cy="192"/>
            </a:xfrm>
            <a:custGeom>
              <a:avLst/>
              <a:gdLst/>
              <a:ahLst/>
              <a:cxnLst>
                <a:cxn ang="0">
                  <a:pos x="2878" y="8160"/>
                </a:cxn>
                <a:cxn ang="0">
                  <a:pos x="0" y="8160"/>
                </a:cxn>
                <a:cxn ang="0">
                  <a:pos x="8160" y="0"/>
                </a:cxn>
                <a:cxn ang="0">
                  <a:pos x="8160" y="2892"/>
                </a:cxn>
                <a:cxn ang="0">
                  <a:pos x="2878" y="8160"/>
                </a:cxn>
              </a:cxnLst>
              <a:rect l="0" t="0" r="r" b="b"/>
              <a:pathLst>
                <a:path w="8160" h="8160">
                  <a:moveTo>
                    <a:pt x="2878" y="8160"/>
                  </a:moveTo>
                  <a:lnTo>
                    <a:pt x="0" y="8160"/>
                  </a:lnTo>
                  <a:lnTo>
                    <a:pt x="8160" y="0"/>
                  </a:lnTo>
                  <a:lnTo>
                    <a:pt x="8160" y="2892"/>
                  </a:lnTo>
                  <a:lnTo>
                    <a:pt x="2878" y="8160"/>
                  </a:lnTo>
                  <a:close/>
                </a:path>
              </a:pathLst>
            </a:custGeom>
            <a:solidFill>
              <a:schemeClr val="bg1"/>
            </a:solidFill>
            <a:ln w="9525">
              <a:noFill/>
              <a:round/>
              <a:headEnd/>
              <a:tailEnd/>
            </a:ln>
          </p:spPr>
          <p:txBody>
            <a:bodyPr/>
            <a:lstStyle/>
            <a:p>
              <a:endParaRPr lang="da-DK" sz="1800" cap="all" baseline="0"/>
            </a:p>
          </p:txBody>
        </p:sp>
      </p:grpSp>
      <p:sp>
        <p:nvSpPr>
          <p:cNvPr id="3107" name="bmkFld2Date"/>
          <p:cNvSpPr txBox="1">
            <a:spLocks noChangeArrowheads="1"/>
          </p:cNvSpPr>
          <p:nvPr/>
        </p:nvSpPr>
        <p:spPr bwMode="auto">
          <a:xfrm>
            <a:off x="10075334" y="554038"/>
            <a:ext cx="1631951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1"/>
              </a:solidFill>
            </a:endParaRPr>
          </a:p>
        </p:txBody>
      </p:sp>
      <p:sp>
        <p:nvSpPr>
          <p:cNvPr id="3108" name="bmkFld2MainEntity"/>
          <p:cNvSpPr txBox="1">
            <a:spLocks noChangeArrowheads="1"/>
          </p:cNvSpPr>
          <p:nvPr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1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1"/>
                </a:solidFill>
              </a:rPr>
              <a:t>universitet</a:t>
            </a:r>
            <a:endParaRPr lang="en-US" sz="1100" cap="all" baseline="0" dirty="0">
              <a:solidFill>
                <a:schemeClr val="bg1"/>
              </a:solidFill>
            </a:endParaRPr>
          </a:p>
        </p:txBody>
      </p:sp>
      <p:sp>
        <p:nvSpPr>
          <p:cNvPr id="3110" name="bmkFld2SubEntity"/>
          <p:cNvSpPr txBox="1">
            <a:spLocks noChangeArrowheads="1"/>
          </p:cNvSpPr>
          <p:nvPr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1"/>
              </a:solidFill>
            </a:endParaRPr>
          </a:p>
        </p:txBody>
      </p:sp>
      <p:sp>
        <p:nvSpPr>
          <p:cNvPr id="14" name="Line 13"/>
          <p:cNvSpPr>
            <a:spLocks noChangeShapeType="1"/>
          </p:cNvSpPr>
          <p:nvPr userDrawn="1"/>
        </p:nvSpPr>
        <p:spPr bwMode="auto">
          <a:xfrm>
            <a:off x="478367" y="2775600"/>
            <a:ext cx="1871133" cy="0"/>
          </a:xfrm>
          <a:prstGeom prst="line">
            <a:avLst/>
          </a:prstGeom>
          <a:noFill/>
          <a:ln w="1778">
            <a:solidFill>
              <a:schemeClr val="bg1"/>
            </a:solidFill>
            <a:round/>
            <a:headEnd/>
            <a:tailEnd/>
          </a:ln>
          <a:effectLst/>
        </p:spPr>
        <p:txBody>
          <a:bodyPr/>
          <a:lstStyle/>
          <a:p>
            <a:endParaRPr lang="da-DK" sz="1800"/>
          </a:p>
        </p:txBody>
      </p:sp>
    </p:spTree>
    <p:extLst>
      <p:ext uri="{BB962C8B-B14F-4D97-AF65-F5344CB8AC3E}">
        <p14:creationId xmlns:p14="http://schemas.microsoft.com/office/powerpoint/2010/main" val="301838945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4A778A20-C4FB-4A5D-BA56-B6F7BCAF0113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5" name="Line 13"/>
          <p:cNvSpPr>
            <a:spLocks noChangeShapeType="1"/>
          </p:cNvSpPr>
          <p:nvPr userDrawn="1"/>
        </p:nvSpPr>
        <p:spPr bwMode="auto">
          <a:xfrm>
            <a:off x="478367" y="2775600"/>
            <a:ext cx="1871133" cy="0"/>
          </a:xfrm>
          <a:prstGeom prst="line">
            <a:avLst/>
          </a:prstGeom>
          <a:noFill/>
          <a:ln w="1778">
            <a:solidFill>
              <a:schemeClr val="bg2"/>
            </a:solidFill>
            <a:round/>
            <a:headEnd/>
            <a:tailEnd/>
          </a:ln>
          <a:effectLst/>
        </p:spPr>
        <p:txBody>
          <a:bodyPr/>
          <a:lstStyle/>
          <a:p>
            <a:endParaRPr lang="da-DK" sz="1800"/>
          </a:p>
        </p:txBody>
      </p:sp>
      <p:sp>
        <p:nvSpPr>
          <p:cNvPr id="6" name="bmkFld2PresentationTitle"/>
          <p:cNvSpPr txBox="1">
            <a:spLocks noChangeArrowheads="1"/>
          </p:cNvSpPr>
          <p:nvPr userDrawn="1"/>
        </p:nvSpPr>
        <p:spPr bwMode="auto">
          <a:xfrm>
            <a:off x="6356351" y="554038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7" name="bmkFld2AuthorName"/>
          <p:cNvSpPr txBox="1">
            <a:spLocks noChangeArrowheads="1"/>
          </p:cNvSpPr>
          <p:nvPr userDrawn="1"/>
        </p:nvSpPr>
        <p:spPr bwMode="auto">
          <a:xfrm>
            <a:off x="6356351" y="682626"/>
            <a:ext cx="3479800" cy="14446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8" name="bmkFld2AuthorTitle"/>
          <p:cNvSpPr txBox="1">
            <a:spLocks noChangeArrowheads="1"/>
          </p:cNvSpPr>
          <p:nvPr userDrawn="1"/>
        </p:nvSpPr>
        <p:spPr bwMode="auto">
          <a:xfrm>
            <a:off x="6356351" y="811213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1" name="bmkFld3SubEntity"/>
          <p:cNvSpPr txBox="1">
            <a:spLocks noChangeArrowheads="1"/>
          </p:cNvSpPr>
          <p:nvPr userDrawn="1"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</p:txBody>
      </p:sp>
      <p:sp>
        <p:nvSpPr>
          <p:cNvPr id="12" name="bmkFld3MainEntity"/>
          <p:cNvSpPr txBox="1">
            <a:spLocks noChangeArrowheads="1"/>
          </p:cNvSpPr>
          <p:nvPr userDrawn="1"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2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2"/>
                </a:solidFill>
              </a:rPr>
              <a:t>universitet</a:t>
            </a:r>
            <a:endParaRPr lang="en-US" sz="1100" cap="all" baseline="0" dirty="0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3232499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478367" y="2937600"/>
            <a:ext cx="5511800" cy="3240000"/>
          </a:xfrm>
        </p:spPr>
        <p:txBody>
          <a:bodyPr/>
          <a:lstStyle>
            <a:lvl1pPr>
              <a:defRPr sz="18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93367" y="2937600"/>
            <a:ext cx="5513917" cy="3240000"/>
          </a:xfrm>
        </p:spPr>
        <p:txBody>
          <a:bodyPr/>
          <a:lstStyle>
            <a:lvl1pPr>
              <a:defRPr sz="18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A5F7DBBA-2010-4765-A612-F54F7AD4A3C6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13" name="bmkFld3PresentationTitle"/>
          <p:cNvSpPr txBox="1">
            <a:spLocks noChangeArrowheads="1"/>
          </p:cNvSpPr>
          <p:nvPr userDrawn="1"/>
        </p:nvSpPr>
        <p:spPr bwMode="auto">
          <a:xfrm>
            <a:off x="6356351" y="554038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4" name="bmkFld3AuthorName"/>
          <p:cNvSpPr txBox="1">
            <a:spLocks noChangeArrowheads="1"/>
          </p:cNvSpPr>
          <p:nvPr userDrawn="1"/>
        </p:nvSpPr>
        <p:spPr bwMode="auto">
          <a:xfrm>
            <a:off x="6356351" y="682626"/>
            <a:ext cx="3479800" cy="14446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5" name="bmkFld3AuthorTitle"/>
          <p:cNvSpPr txBox="1">
            <a:spLocks noChangeArrowheads="1"/>
          </p:cNvSpPr>
          <p:nvPr userDrawn="1"/>
        </p:nvSpPr>
        <p:spPr bwMode="auto">
          <a:xfrm>
            <a:off x="6356351" y="811213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6" name="bmkFld4Date"/>
          <p:cNvSpPr txBox="1">
            <a:spLocks noChangeArrowheads="1"/>
          </p:cNvSpPr>
          <p:nvPr userDrawn="1"/>
        </p:nvSpPr>
        <p:spPr bwMode="auto">
          <a:xfrm>
            <a:off x="10075334" y="554038"/>
            <a:ext cx="1631951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8" name="bmkFld4SubEntity"/>
          <p:cNvSpPr txBox="1">
            <a:spLocks noChangeArrowheads="1"/>
          </p:cNvSpPr>
          <p:nvPr userDrawn="1"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</p:txBody>
      </p:sp>
      <p:sp>
        <p:nvSpPr>
          <p:cNvPr id="19" name="bmkFld4MainEntity"/>
          <p:cNvSpPr txBox="1">
            <a:spLocks noChangeArrowheads="1"/>
          </p:cNvSpPr>
          <p:nvPr userDrawn="1"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2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2"/>
                </a:solidFill>
              </a:rPr>
              <a:t>universitet</a:t>
            </a:r>
            <a:endParaRPr lang="en-US" sz="1100" cap="all" baseline="0" dirty="0">
              <a:solidFill>
                <a:schemeClr val="bg2"/>
              </a:solidFill>
            </a:endParaRPr>
          </a:p>
        </p:txBody>
      </p:sp>
      <p:sp>
        <p:nvSpPr>
          <p:cNvPr id="17" name="Line 13"/>
          <p:cNvSpPr>
            <a:spLocks noChangeShapeType="1"/>
          </p:cNvSpPr>
          <p:nvPr userDrawn="1"/>
        </p:nvSpPr>
        <p:spPr bwMode="auto">
          <a:xfrm>
            <a:off x="478367" y="2775600"/>
            <a:ext cx="1871133" cy="0"/>
          </a:xfrm>
          <a:prstGeom prst="line">
            <a:avLst/>
          </a:prstGeom>
          <a:noFill/>
          <a:ln w="1778">
            <a:solidFill>
              <a:schemeClr val="bg2"/>
            </a:solidFill>
            <a:round/>
            <a:headEnd/>
            <a:tailEnd/>
          </a:ln>
          <a:effectLst/>
        </p:spPr>
        <p:txBody>
          <a:bodyPr/>
          <a:lstStyle/>
          <a:p>
            <a:endParaRPr lang="da-DK" sz="1800"/>
          </a:p>
        </p:txBody>
      </p:sp>
    </p:spTree>
    <p:extLst>
      <p:ext uri="{BB962C8B-B14F-4D97-AF65-F5344CB8AC3E}">
        <p14:creationId xmlns:p14="http://schemas.microsoft.com/office/powerpoint/2010/main" val="373304056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69AF94A8-4A13-44AB-B4C1-526BECB1EFCA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5" name="bmkFld4PresentationTitle"/>
          <p:cNvSpPr txBox="1">
            <a:spLocks noChangeArrowheads="1"/>
          </p:cNvSpPr>
          <p:nvPr userDrawn="1"/>
        </p:nvSpPr>
        <p:spPr bwMode="auto">
          <a:xfrm>
            <a:off x="6356351" y="554038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6" name="bmkFld4AuthorName"/>
          <p:cNvSpPr txBox="1">
            <a:spLocks noChangeArrowheads="1"/>
          </p:cNvSpPr>
          <p:nvPr userDrawn="1"/>
        </p:nvSpPr>
        <p:spPr bwMode="auto">
          <a:xfrm>
            <a:off x="6356351" y="682626"/>
            <a:ext cx="3479800" cy="14446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7" name="bmkFld4AuthorTitle"/>
          <p:cNvSpPr txBox="1">
            <a:spLocks noChangeArrowheads="1"/>
          </p:cNvSpPr>
          <p:nvPr userDrawn="1"/>
        </p:nvSpPr>
        <p:spPr bwMode="auto">
          <a:xfrm>
            <a:off x="6356351" y="811213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8" name="bmkFld5Date"/>
          <p:cNvSpPr txBox="1">
            <a:spLocks noChangeArrowheads="1"/>
          </p:cNvSpPr>
          <p:nvPr userDrawn="1"/>
        </p:nvSpPr>
        <p:spPr bwMode="auto">
          <a:xfrm>
            <a:off x="10075334" y="554038"/>
            <a:ext cx="1631951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r>
              <a:rPr lang="en-US" sz="900" cap="all" baseline="0">
                <a:solidFill>
                  <a:schemeClr val="bg2"/>
                </a:solidFill>
              </a:rPr>
              <a:t>20 DECEMBER, 2008</a:t>
            </a: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0" name="bmkFld5SubEntity"/>
          <p:cNvSpPr txBox="1">
            <a:spLocks noChangeArrowheads="1"/>
          </p:cNvSpPr>
          <p:nvPr userDrawn="1"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</p:txBody>
      </p:sp>
      <p:sp>
        <p:nvSpPr>
          <p:cNvPr id="12" name="bmkFld5MainEntity"/>
          <p:cNvSpPr txBox="1">
            <a:spLocks noChangeArrowheads="1"/>
          </p:cNvSpPr>
          <p:nvPr userDrawn="1"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2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2"/>
                </a:solidFill>
              </a:rPr>
              <a:t>universitet</a:t>
            </a:r>
            <a:endParaRPr lang="en-US" sz="1100" cap="all" baseline="0" dirty="0">
              <a:solidFill>
                <a:schemeClr val="bg2"/>
              </a:solidFill>
            </a:endParaRPr>
          </a:p>
        </p:txBody>
      </p:sp>
      <p:sp>
        <p:nvSpPr>
          <p:cNvPr id="11" name="Line 13"/>
          <p:cNvSpPr>
            <a:spLocks noChangeShapeType="1"/>
          </p:cNvSpPr>
          <p:nvPr userDrawn="1"/>
        </p:nvSpPr>
        <p:spPr bwMode="auto">
          <a:xfrm>
            <a:off x="478367" y="2775600"/>
            <a:ext cx="1871133" cy="0"/>
          </a:xfrm>
          <a:prstGeom prst="line">
            <a:avLst/>
          </a:prstGeom>
          <a:noFill/>
          <a:ln w="1778">
            <a:solidFill>
              <a:schemeClr val="bg2"/>
            </a:solidFill>
            <a:round/>
            <a:headEnd/>
            <a:tailEnd/>
          </a:ln>
          <a:effectLst/>
        </p:spPr>
        <p:txBody>
          <a:bodyPr/>
          <a:lstStyle/>
          <a:p>
            <a:endParaRPr lang="da-DK" sz="1800"/>
          </a:p>
        </p:txBody>
      </p:sp>
    </p:spTree>
    <p:extLst>
      <p:ext uri="{BB962C8B-B14F-4D97-AF65-F5344CB8AC3E}">
        <p14:creationId xmlns:p14="http://schemas.microsoft.com/office/powerpoint/2010/main" val="108875715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413FF094-20C4-403D-864D-9E59AE1A2C16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3" name="bmkFld4PresentationTitle"/>
          <p:cNvSpPr txBox="1">
            <a:spLocks noChangeArrowheads="1"/>
          </p:cNvSpPr>
          <p:nvPr userDrawn="1"/>
        </p:nvSpPr>
        <p:spPr bwMode="auto">
          <a:xfrm>
            <a:off x="6356351" y="554038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4" name="bmkFld4AuthorName"/>
          <p:cNvSpPr txBox="1">
            <a:spLocks noChangeArrowheads="1"/>
          </p:cNvSpPr>
          <p:nvPr userDrawn="1"/>
        </p:nvSpPr>
        <p:spPr bwMode="auto">
          <a:xfrm>
            <a:off x="6356351" y="682626"/>
            <a:ext cx="3479800" cy="14446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5" name="bmkFld4AuthorTitle"/>
          <p:cNvSpPr txBox="1">
            <a:spLocks noChangeArrowheads="1"/>
          </p:cNvSpPr>
          <p:nvPr userDrawn="1"/>
        </p:nvSpPr>
        <p:spPr bwMode="auto">
          <a:xfrm>
            <a:off x="6356351" y="811213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8" name="bmkFld5SubEntity"/>
          <p:cNvSpPr txBox="1">
            <a:spLocks noChangeArrowheads="1"/>
          </p:cNvSpPr>
          <p:nvPr userDrawn="1"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</p:txBody>
      </p:sp>
      <p:sp>
        <p:nvSpPr>
          <p:cNvPr id="9" name="bmkFld6MainEntity"/>
          <p:cNvSpPr txBox="1">
            <a:spLocks noChangeArrowheads="1"/>
          </p:cNvSpPr>
          <p:nvPr userDrawn="1"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2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2"/>
                </a:solidFill>
              </a:rPr>
              <a:t>universitet</a:t>
            </a:r>
            <a:endParaRPr lang="en-US" sz="1100" cap="all" baseline="0" dirty="0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4853883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F73886-E3D9-4086-929C-7545AEFF0AF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45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EC97FFE-58E4-43EE-9944-EF21E931990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1800"/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edit Master subtitle style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F387F6-7301-46F4-97A1-164ED134561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C140D4-FCB6-4676-BAD5-59CA2B3989E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C2A9A75-7DCA-42B0-B287-36B63E9E30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23067005"/>
      </p:ext>
    </p:extLst>
  </p:cSld>
  <p:clrMapOvr>
    <a:masterClrMapping/>
  </p:clrMapOvr>
  <p:hf sldNum="0" hdr="0" ftr="0" dt="0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82E698-8328-47FF-83E0-44B1601138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1EF8FB-41A0-4C19-A504-494847827F5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3E7D84B-E6B0-4A54-A338-D2EFC90AB1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B6AE118-6766-4C50-8C3A-241B77DF56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F3BFAA-B025-47E0-9F34-22D7593C37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8176207"/>
      </p:ext>
    </p:extLst>
  </p:cSld>
  <p:clrMapOvr>
    <a:masterClrMapping/>
  </p:clrMapOvr>
  <p:hf sldNum="0" hdr="0" ftr="0" dt="0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2F87AF5-45C8-4FB3-B1D9-5968A75F0A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1" y="1709740"/>
            <a:ext cx="10515600" cy="2852737"/>
          </a:xfrm>
        </p:spPr>
        <p:txBody>
          <a:bodyPr anchor="b"/>
          <a:lstStyle>
            <a:lvl1pPr>
              <a:defRPr sz="45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605BDC0-55F7-4F3D-9470-0E732C92EE0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1" y="4589465"/>
            <a:ext cx="10515600" cy="1500187"/>
          </a:xfrm>
        </p:spPr>
        <p:txBody>
          <a:bodyPr/>
          <a:lstStyle>
            <a:lvl1pPr marL="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37C475C-2AC7-4CA7-A704-D559055A13C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613F4C7-E0FB-4ED9-880B-99430443BEE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A3AC9C0-0772-418A-8B2F-1DAEA2ECB2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3043338"/>
      </p:ext>
    </p:extLst>
  </p:cSld>
  <p:clrMapOvr>
    <a:masterClrMapping/>
  </p:clrMapOvr>
  <p:hf sldNum="0" hdr="0" ftr="0" dt="0"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E76829-40B2-4709-9464-E1FC3082AE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2B32E9-A48B-4076-A9CB-FA0254F0D500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8DCE706-D0B8-47D7-8EFA-1E93791D668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272B93D-7962-444F-ACEC-00F209CED30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5C1AD1D-BCDD-44A6-AA53-AA33F4B68FF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BFE2274-DC50-416D-A9AF-BF042C83ED9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6318080"/>
      </p:ext>
    </p:extLst>
  </p:cSld>
  <p:clrMapOvr>
    <a:masterClrMapping/>
  </p:clrMapOvr>
  <p:hf sldNum="0" hdr="0" ftr="0" dt="0"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F51DAB-3CB8-441E-8321-46025801F1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7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E835707-057C-4127-A778-8AA79F7D4B4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9" y="1681163"/>
            <a:ext cx="5157787" cy="823912"/>
          </a:xfrm>
        </p:spPr>
        <p:txBody>
          <a:bodyPr anchor="b"/>
          <a:lstStyle>
            <a:lvl1pPr marL="0" indent="0">
              <a:buNone/>
              <a:defRPr sz="18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8CF56210-8407-409D-ABA1-DF68DE28F126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9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636C443-FDB0-45A8-8EE6-B848C22A354A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1" y="1681163"/>
            <a:ext cx="5183188" cy="823912"/>
          </a:xfrm>
        </p:spPr>
        <p:txBody>
          <a:bodyPr anchor="b"/>
          <a:lstStyle>
            <a:lvl1pPr marL="0" indent="0">
              <a:buNone/>
              <a:defRPr sz="18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9FCFFDF8-E062-4A53-8BD5-32B444BF4BFF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1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6E624074-2A04-4168-8691-455A5D0D09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56DA0CE5-ABAC-48DD-BF0E-406D1BDDE3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019B2E9-5D9D-44C3-8EBA-CB7D11C5468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5206984"/>
      </p:ext>
    </p:extLst>
  </p:cSld>
  <p:clrMapOvr>
    <a:masterClrMapping/>
  </p:clrMapOvr>
  <p:hf sldNum="0" hdr="0" ftr="0" dt="0"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4556FA-E98D-4B52-8070-E62E04AD4F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17D8051-75B6-4E92-80E1-5B763E64A1E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BA63F19-7C33-41FA-A0FC-8B5369D756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AABD9A-6659-43D5-9474-7DF859753E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14897507"/>
      </p:ext>
    </p:extLst>
  </p:cSld>
  <p:clrMapOvr>
    <a:masterClrMapping/>
  </p:clrMapOvr>
  <p:hf sldNum="0" hdr="0" ftr="0" dt="0"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7CA09EF-CCEB-4901-910B-57E67CE2B6B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C9DB275-F4FC-4C80-A000-12324830392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3742CEB-5D78-41F7-86A6-75B8B55ED5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655646"/>
      </p:ext>
    </p:extLst>
  </p:cSld>
  <p:clrMapOvr>
    <a:masterClrMapping/>
  </p:clrMapOvr>
  <p:hf sldNum="0" hdr="0" ftr="0" dt="0"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FA2DD5-3DE8-46C3-9B44-C7C5A43B3D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48FCAD-CB5B-4B2A-A052-D854365BDA9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7"/>
            <a:ext cx="6172200" cy="4873625"/>
          </a:xfrm>
        </p:spPr>
        <p:txBody>
          <a:bodyPr/>
          <a:lstStyle>
            <a:lvl1pPr>
              <a:defRPr sz="2400"/>
            </a:lvl1pPr>
            <a:lvl2pPr>
              <a:defRPr sz="2100"/>
            </a:lvl2pPr>
            <a:lvl3pPr>
              <a:defRPr sz="1800"/>
            </a:lvl3pPr>
            <a:lvl4pPr>
              <a:defRPr sz="1500"/>
            </a:lvl4pPr>
            <a:lvl5pPr>
              <a:defRPr sz="1500"/>
            </a:lvl5pPr>
            <a:lvl6pPr>
              <a:defRPr sz="1500"/>
            </a:lvl6pPr>
            <a:lvl7pPr>
              <a:defRPr sz="1500"/>
            </a:lvl7pPr>
            <a:lvl8pPr>
              <a:defRPr sz="1500"/>
            </a:lvl8pPr>
            <a:lvl9pPr>
              <a:defRPr sz="15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FA2755C-0DC4-422D-AC4D-430897E0B02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200"/>
            </a:lvl1pPr>
            <a:lvl2pPr marL="342900" indent="0">
              <a:buNone/>
              <a:defRPr sz="1050"/>
            </a:lvl2pPr>
            <a:lvl3pPr marL="685800" indent="0">
              <a:buNone/>
              <a:defRPr sz="900"/>
            </a:lvl3pPr>
            <a:lvl4pPr marL="1028700" indent="0">
              <a:buNone/>
              <a:defRPr sz="750"/>
            </a:lvl4pPr>
            <a:lvl5pPr marL="1371600" indent="0">
              <a:buNone/>
              <a:defRPr sz="750"/>
            </a:lvl5pPr>
            <a:lvl6pPr marL="1714500" indent="0">
              <a:buNone/>
              <a:defRPr sz="750"/>
            </a:lvl6pPr>
            <a:lvl7pPr marL="2057400" indent="0">
              <a:buNone/>
              <a:defRPr sz="750"/>
            </a:lvl7pPr>
            <a:lvl8pPr marL="2400300" indent="0">
              <a:buNone/>
              <a:defRPr sz="750"/>
            </a:lvl8pPr>
            <a:lvl9pPr marL="2743200" indent="0">
              <a:buNone/>
              <a:defRPr sz="75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1B03734-236B-4F2F-9920-2BE13B245C3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C7472EC-BA06-4F0E-AAB4-1F842646AA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0927FB3-3E74-4C13-BA6B-5CAA8DF513C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3687412"/>
      </p:ext>
    </p:extLst>
  </p:cSld>
  <p:clrMapOvr>
    <a:masterClrMapping/>
  </p:clrMapOvr>
  <p:hf sldNum="0" hdr="0" ftr="0" dt="0"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E340E7-F1DA-48FE-98C8-C761429377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3364DD0-E87C-4037-9FE6-C93E264EA951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7"/>
            <a:ext cx="6172200" cy="4873625"/>
          </a:xfrm>
        </p:spPr>
        <p:txBody>
          <a:bodyPr/>
          <a:lstStyle>
            <a:lvl1pPr marL="0" indent="0">
              <a:buNone/>
              <a:defRPr sz="2400"/>
            </a:lvl1pPr>
            <a:lvl2pPr marL="342900" indent="0">
              <a:buNone/>
              <a:defRPr sz="2100"/>
            </a:lvl2pPr>
            <a:lvl3pPr marL="685800" indent="0">
              <a:buNone/>
              <a:defRPr sz="1800"/>
            </a:lvl3pPr>
            <a:lvl4pPr marL="1028700" indent="0">
              <a:buNone/>
              <a:defRPr sz="1500"/>
            </a:lvl4pPr>
            <a:lvl5pPr marL="1371600" indent="0">
              <a:buNone/>
              <a:defRPr sz="1500"/>
            </a:lvl5pPr>
            <a:lvl6pPr marL="1714500" indent="0">
              <a:buNone/>
              <a:defRPr sz="1500"/>
            </a:lvl6pPr>
            <a:lvl7pPr marL="2057400" indent="0">
              <a:buNone/>
              <a:defRPr sz="1500"/>
            </a:lvl7pPr>
            <a:lvl8pPr marL="2400300" indent="0">
              <a:buNone/>
              <a:defRPr sz="1500"/>
            </a:lvl8pPr>
            <a:lvl9pPr marL="2743200" indent="0">
              <a:buNone/>
              <a:defRPr sz="1500"/>
            </a:lvl9pPr>
          </a:lstStyle>
          <a:p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854537C-E38E-46CC-9BAF-C51C80F3B481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200"/>
            </a:lvl1pPr>
            <a:lvl2pPr marL="342900" indent="0">
              <a:buNone/>
              <a:defRPr sz="1050"/>
            </a:lvl2pPr>
            <a:lvl3pPr marL="685800" indent="0">
              <a:buNone/>
              <a:defRPr sz="900"/>
            </a:lvl3pPr>
            <a:lvl4pPr marL="1028700" indent="0">
              <a:buNone/>
              <a:defRPr sz="750"/>
            </a:lvl4pPr>
            <a:lvl5pPr marL="1371600" indent="0">
              <a:buNone/>
              <a:defRPr sz="750"/>
            </a:lvl5pPr>
            <a:lvl6pPr marL="1714500" indent="0">
              <a:buNone/>
              <a:defRPr sz="750"/>
            </a:lvl6pPr>
            <a:lvl7pPr marL="2057400" indent="0">
              <a:buNone/>
              <a:defRPr sz="750"/>
            </a:lvl7pPr>
            <a:lvl8pPr marL="2400300" indent="0">
              <a:buNone/>
              <a:defRPr sz="750"/>
            </a:lvl8pPr>
            <a:lvl9pPr marL="2743200" indent="0">
              <a:buNone/>
              <a:defRPr sz="75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EF093EB-415A-44B3-B17C-00D9CA0821A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B14665B-4200-43EC-A50F-B65104B1024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FD722C7-F402-42D3-B7AE-99D8A99390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8932721"/>
      </p:ext>
    </p:extLst>
  </p:cSld>
  <p:clrMapOvr>
    <a:masterClrMapping/>
  </p:clrMapOvr>
  <p:hf sldNum="0" hdr="0" ftr="0" dt="0"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6C2C55-5CCF-4F21-8006-EBC9D1EF2C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0FC2F9-966A-47B9-A3B7-4B4CE7D79FC2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B805058-4822-41AF-97F7-70FCB6D272D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8B909B6-E33D-498F-95A6-06DACF59F1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8D22125-A35D-466F-84E3-6468E033DFB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0374818"/>
      </p:ext>
    </p:extLst>
  </p:cSld>
  <p:clrMapOvr>
    <a:masterClrMapping/>
  </p:clrMapOvr>
  <p:hf sldNum="0" hdr="0" ftr="0" dt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A34DBA85-0C16-44AB-80A5-9190B8280037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1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7E7FDA8D-F4A1-4C07-A768-06A7283C66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1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1ED6022-C3EB-4BED-8FB7-3A8D428C21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052B5E6-F852-42FC-BCA6-71E454220E9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CB1A38F-949A-427B-8A1D-D0717BAEEF1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669248"/>
      </p:ext>
    </p:extLst>
  </p:cSld>
  <p:clrMapOvr>
    <a:masterClrMapping/>
  </p:clrMapOvr>
  <p:hf sldNum="0" hdr="0" ftr="0" dt="0"/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4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33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9" y="1000445"/>
            <a:ext cx="4951428" cy="4841557"/>
          </a:xfrm>
        </p:spPr>
        <p:txBody>
          <a:bodyPr/>
          <a:lstStyle>
            <a:lvl1pPr marL="0" indent="0" algn="ctr">
              <a:buNone/>
              <a:defRPr sz="9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68580" tIns="34290" rIns="68580" bIns="3429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8-01-2024</a:t>
            </a:fld>
            <a:endParaRPr lang="da-DK" sz="1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2" y="-349741"/>
            <a:ext cx="11457183" cy="12125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788" b="1" noProof="1"/>
              <a:t>Skift baggrundsfarve. </a:t>
            </a:r>
            <a:r>
              <a:rPr lang="da-DK" sz="788" noProof="1"/>
              <a:t>Højreklik på slidet og vælg </a:t>
            </a:r>
            <a:r>
              <a:rPr lang="da-DK" sz="788" b="1" noProof="1"/>
              <a:t>Formatér baggrund</a:t>
            </a:r>
            <a:r>
              <a:rPr lang="da-DK" sz="788" noProof="1"/>
              <a:t>. Klik på </a:t>
            </a:r>
            <a:r>
              <a:rPr lang="da-DK" sz="788" b="1" noProof="1"/>
              <a:t>Fyld farve </a:t>
            </a:r>
            <a:r>
              <a:rPr lang="da-DK" sz="788" noProof="1"/>
              <a:t>i Formater baggrund vinduet og vælg farve fra øverste række i SDU’s farve palette eller fra den brugerdefinerede farvepalette</a:t>
            </a:r>
            <a:endParaRPr lang="da-DK" sz="2700"/>
          </a:p>
        </p:txBody>
      </p:sp>
    </p:spTree>
    <p:extLst>
      <p:ext uri="{BB962C8B-B14F-4D97-AF65-F5344CB8AC3E}">
        <p14:creationId xmlns:p14="http://schemas.microsoft.com/office/powerpoint/2010/main" val="302554860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7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68580" tIns="34290" rIns="68580" bIns="3429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8-01-2024</a:t>
            </a:fld>
            <a:endParaRPr lang="da-DK" sz="10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4682410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5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705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68580" tIns="34290" rIns="68580" bIns="3429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8-01-2024</a:t>
            </a:fld>
            <a:endParaRPr lang="da-DK" sz="100" dirty="0"/>
          </a:p>
        </p:txBody>
      </p:sp>
    </p:spTree>
    <p:extLst>
      <p:ext uri="{BB962C8B-B14F-4D97-AF65-F5344CB8AC3E}">
        <p14:creationId xmlns:p14="http://schemas.microsoft.com/office/powerpoint/2010/main" val="212530334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914400" y="1122363"/>
            <a:ext cx="10363200" cy="2387600"/>
          </a:xfrm>
        </p:spPr>
        <p:txBody>
          <a:bodyPr anchor="b"/>
          <a:lstStyle>
            <a:lvl1pPr algn="ctr">
              <a:defRPr sz="45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1800"/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93412292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06546750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1851" y="1709742"/>
            <a:ext cx="10515600" cy="2852737"/>
          </a:xfrm>
        </p:spPr>
        <p:txBody>
          <a:bodyPr anchor="b"/>
          <a:lstStyle>
            <a:lvl1pPr>
              <a:defRPr sz="45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1851" y="4589467"/>
            <a:ext cx="10515600" cy="1500187"/>
          </a:xfrm>
        </p:spPr>
        <p:txBody>
          <a:bodyPr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49753667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97698361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9788" y="365129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9789" y="1681163"/>
            <a:ext cx="5157787" cy="823912"/>
          </a:xfrm>
        </p:spPr>
        <p:txBody>
          <a:bodyPr anchor="b"/>
          <a:lstStyle>
            <a:lvl1pPr marL="0" indent="0">
              <a:buNone/>
              <a:defRPr sz="18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839789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172202" y="1681163"/>
            <a:ext cx="5183188" cy="823912"/>
          </a:xfrm>
        </p:spPr>
        <p:txBody>
          <a:bodyPr anchor="b"/>
          <a:lstStyle>
            <a:lvl1pPr marL="0" indent="0">
              <a:buNone/>
              <a:defRPr sz="18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172202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9935745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8002186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90518901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183188" y="987429"/>
            <a:ext cx="6172200" cy="4873625"/>
          </a:xfrm>
        </p:spPr>
        <p:txBody>
          <a:bodyPr/>
          <a:lstStyle>
            <a:lvl1pPr>
              <a:defRPr sz="2400"/>
            </a:lvl1pPr>
            <a:lvl2pPr>
              <a:defRPr sz="2100"/>
            </a:lvl2pPr>
            <a:lvl3pPr>
              <a:defRPr sz="1800"/>
            </a:lvl3pPr>
            <a:lvl4pPr>
              <a:defRPr sz="1500"/>
            </a:lvl4pPr>
            <a:lvl5pPr>
              <a:defRPr sz="1500"/>
            </a:lvl5pPr>
            <a:lvl6pPr>
              <a:defRPr sz="1500"/>
            </a:lvl6pPr>
            <a:lvl7pPr>
              <a:defRPr sz="1500"/>
            </a:lvl7pPr>
            <a:lvl8pPr>
              <a:defRPr sz="1500"/>
            </a:lvl8pPr>
            <a:lvl9pPr>
              <a:defRPr sz="15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200"/>
            </a:lvl1pPr>
            <a:lvl2pPr marL="342900" indent="0">
              <a:buNone/>
              <a:defRPr sz="1050"/>
            </a:lvl2pPr>
            <a:lvl3pPr marL="685800" indent="0">
              <a:buNone/>
              <a:defRPr sz="900"/>
            </a:lvl3pPr>
            <a:lvl4pPr marL="1028700" indent="0">
              <a:buNone/>
              <a:defRPr sz="750"/>
            </a:lvl4pPr>
            <a:lvl5pPr marL="1371600" indent="0">
              <a:buNone/>
              <a:defRPr sz="750"/>
            </a:lvl5pPr>
            <a:lvl6pPr marL="1714500" indent="0">
              <a:buNone/>
              <a:defRPr sz="750"/>
            </a:lvl6pPr>
            <a:lvl7pPr marL="2057400" indent="0">
              <a:buNone/>
              <a:defRPr sz="750"/>
            </a:lvl7pPr>
            <a:lvl8pPr marL="2400300" indent="0">
              <a:buNone/>
              <a:defRPr sz="750"/>
            </a:lvl8pPr>
            <a:lvl9pPr marL="2743200" indent="0">
              <a:buNone/>
              <a:defRPr sz="75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38475728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5183188" y="987429"/>
            <a:ext cx="6172200" cy="4873625"/>
          </a:xfrm>
        </p:spPr>
        <p:txBody>
          <a:bodyPr anchor="t"/>
          <a:lstStyle>
            <a:lvl1pPr marL="0" indent="0">
              <a:buNone/>
              <a:defRPr sz="2400"/>
            </a:lvl1pPr>
            <a:lvl2pPr marL="342900" indent="0">
              <a:buNone/>
              <a:defRPr sz="2100"/>
            </a:lvl2pPr>
            <a:lvl3pPr marL="685800" indent="0">
              <a:buNone/>
              <a:defRPr sz="1800"/>
            </a:lvl3pPr>
            <a:lvl4pPr marL="1028700" indent="0">
              <a:buNone/>
              <a:defRPr sz="1500"/>
            </a:lvl4pPr>
            <a:lvl5pPr marL="1371600" indent="0">
              <a:buNone/>
              <a:defRPr sz="1500"/>
            </a:lvl5pPr>
            <a:lvl6pPr marL="1714500" indent="0">
              <a:buNone/>
              <a:defRPr sz="1500"/>
            </a:lvl6pPr>
            <a:lvl7pPr marL="2057400" indent="0">
              <a:buNone/>
              <a:defRPr sz="1500"/>
            </a:lvl7pPr>
            <a:lvl8pPr marL="2400300" indent="0">
              <a:buNone/>
              <a:defRPr sz="1500"/>
            </a:lvl8pPr>
            <a:lvl9pPr marL="2743200" indent="0">
              <a:buNone/>
              <a:defRPr sz="15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200"/>
            </a:lvl1pPr>
            <a:lvl2pPr marL="342900" indent="0">
              <a:buNone/>
              <a:defRPr sz="1050"/>
            </a:lvl2pPr>
            <a:lvl3pPr marL="685800" indent="0">
              <a:buNone/>
              <a:defRPr sz="900"/>
            </a:lvl3pPr>
            <a:lvl4pPr marL="1028700" indent="0">
              <a:buNone/>
              <a:defRPr sz="750"/>
            </a:lvl4pPr>
            <a:lvl5pPr marL="1371600" indent="0">
              <a:buNone/>
              <a:defRPr sz="750"/>
            </a:lvl5pPr>
            <a:lvl6pPr marL="1714500" indent="0">
              <a:buNone/>
              <a:defRPr sz="750"/>
            </a:lvl6pPr>
            <a:lvl7pPr marL="2057400" indent="0">
              <a:buNone/>
              <a:defRPr sz="750"/>
            </a:lvl7pPr>
            <a:lvl8pPr marL="2400300" indent="0">
              <a:buNone/>
              <a:defRPr sz="750"/>
            </a:lvl8pPr>
            <a:lvl9pPr marL="2743200" indent="0">
              <a:buNone/>
              <a:defRPr sz="75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5444642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01057377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724902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838202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4433595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5.xml"/><Relationship Id="rId6" Type="http://schemas.openxmlformats.org/officeDocument/2006/relationships/theme" Target="../theme/theme2.xml"/><Relationship Id="rId5" Type="http://schemas.openxmlformats.org/officeDocument/2006/relationships/slideLayout" Target="../slideLayouts/slideLayout19.xml"/><Relationship Id="rId4" Type="http://schemas.openxmlformats.org/officeDocument/2006/relationships/slideLayout" Target="../slideLayouts/slideLayout18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7.xml"/><Relationship Id="rId13" Type="http://schemas.openxmlformats.org/officeDocument/2006/relationships/slideLayout" Target="../slideLayouts/slideLayout32.xml"/><Relationship Id="rId3" Type="http://schemas.openxmlformats.org/officeDocument/2006/relationships/slideLayout" Target="../slideLayouts/slideLayout22.xml"/><Relationship Id="rId7" Type="http://schemas.openxmlformats.org/officeDocument/2006/relationships/slideLayout" Target="../slideLayouts/slideLayout26.xml"/><Relationship Id="rId12" Type="http://schemas.openxmlformats.org/officeDocument/2006/relationships/slideLayout" Target="../slideLayouts/slideLayout31.xml"/><Relationship Id="rId2" Type="http://schemas.openxmlformats.org/officeDocument/2006/relationships/slideLayout" Target="../slideLayouts/slideLayout21.xml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11" Type="http://schemas.openxmlformats.org/officeDocument/2006/relationships/slideLayout" Target="../slideLayouts/slideLayout30.xml"/><Relationship Id="rId5" Type="http://schemas.openxmlformats.org/officeDocument/2006/relationships/slideLayout" Target="../slideLayouts/slideLayout24.xml"/><Relationship Id="rId15" Type="http://schemas.openxmlformats.org/officeDocument/2006/relationships/theme" Target="../theme/theme3.xml"/><Relationship Id="rId10" Type="http://schemas.openxmlformats.org/officeDocument/2006/relationships/slideLayout" Target="../slideLayouts/slideLayout29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14" Type="http://schemas.openxmlformats.org/officeDocument/2006/relationships/slideLayout" Target="../slideLayouts/slideLayout33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1.xml"/><Relationship Id="rId3" Type="http://schemas.openxmlformats.org/officeDocument/2006/relationships/slideLayout" Target="../slideLayouts/slideLayout36.xml"/><Relationship Id="rId7" Type="http://schemas.openxmlformats.org/officeDocument/2006/relationships/slideLayout" Target="../slideLayouts/slideLayout40.xml"/><Relationship Id="rId12" Type="http://schemas.openxmlformats.org/officeDocument/2006/relationships/theme" Target="../theme/theme4.xml"/><Relationship Id="rId2" Type="http://schemas.openxmlformats.org/officeDocument/2006/relationships/slideLayout" Target="../slideLayouts/slideLayout35.xml"/><Relationship Id="rId1" Type="http://schemas.openxmlformats.org/officeDocument/2006/relationships/slideLayout" Target="../slideLayouts/slideLayout34.xml"/><Relationship Id="rId6" Type="http://schemas.openxmlformats.org/officeDocument/2006/relationships/slideLayout" Target="../slideLayouts/slideLayout39.xml"/><Relationship Id="rId11" Type="http://schemas.openxmlformats.org/officeDocument/2006/relationships/slideLayout" Target="../slideLayouts/slideLayout44.xml"/><Relationship Id="rId5" Type="http://schemas.openxmlformats.org/officeDocument/2006/relationships/slideLayout" Target="../slideLayouts/slideLayout38.xml"/><Relationship Id="rId10" Type="http://schemas.openxmlformats.org/officeDocument/2006/relationships/slideLayout" Target="../slideLayouts/slideLayout43.xml"/><Relationship Id="rId4" Type="http://schemas.openxmlformats.org/officeDocument/2006/relationships/slideLayout" Target="../slideLayouts/slideLayout37.xml"/><Relationship Id="rId9" Type="http://schemas.openxmlformats.org/officeDocument/2006/relationships/slideLayout" Target="../slideLayouts/slideLayout4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478367" y="1620000"/>
            <a:ext cx="11228917" cy="94932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endParaRPr lang="da-DK"/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478367" y="2937599"/>
            <a:ext cx="11228917" cy="3240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30" name="Rectangle 6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8862484" y="6245225"/>
            <a:ext cx="2844800" cy="1397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2000"/>
              </a:lnSpc>
              <a:buFontTx/>
              <a:buNone/>
              <a:defRPr sz="900">
                <a:solidFill>
                  <a:schemeClr val="bg2"/>
                </a:solidFill>
              </a:defRPr>
            </a:lvl1pPr>
          </a:lstStyle>
          <a:p>
            <a:fld id="{13BB82A0-4A09-4C76-AC21-2D655CCCA5A6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1034" name="Rectangle 10"/>
          <p:cNvSpPr>
            <a:spLocks noChangeArrowheads="1"/>
          </p:cNvSpPr>
          <p:nvPr/>
        </p:nvSpPr>
        <p:spPr bwMode="auto">
          <a:xfrm>
            <a:off x="10075334" y="358775"/>
            <a:ext cx="1631951" cy="71438"/>
          </a:xfrm>
          <a:prstGeom prst="rect">
            <a:avLst/>
          </a:prstGeom>
          <a:solidFill>
            <a:schemeClr val="bg2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endParaRPr lang="da-DK" sz="1800" cap="all" baseline="0"/>
          </a:p>
        </p:txBody>
      </p:sp>
      <p:sp>
        <p:nvSpPr>
          <p:cNvPr id="1035" name="Rectangle 11"/>
          <p:cNvSpPr>
            <a:spLocks noChangeArrowheads="1"/>
          </p:cNvSpPr>
          <p:nvPr/>
        </p:nvSpPr>
        <p:spPr bwMode="auto">
          <a:xfrm>
            <a:off x="6333067" y="358775"/>
            <a:ext cx="3503084" cy="71438"/>
          </a:xfrm>
          <a:prstGeom prst="rect">
            <a:avLst/>
          </a:prstGeom>
          <a:solidFill>
            <a:schemeClr val="bg2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endParaRPr lang="da-DK" sz="1800" cap="all" baseline="0"/>
          </a:p>
        </p:txBody>
      </p:sp>
      <p:grpSp>
        <p:nvGrpSpPr>
          <p:cNvPr id="1045" name="Group 21"/>
          <p:cNvGrpSpPr>
            <a:grpSpLocks noChangeAspect="1"/>
          </p:cNvGrpSpPr>
          <p:nvPr/>
        </p:nvGrpSpPr>
        <p:grpSpPr bwMode="auto">
          <a:xfrm>
            <a:off x="478367" y="358776"/>
            <a:ext cx="787400" cy="295275"/>
            <a:chOff x="454" y="227"/>
            <a:chExt cx="384" cy="192"/>
          </a:xfrm>
        </p:grpSpPr>
        <p:sp>
          <p:nvSpPr>
            <p:cNvPr id="1046" name="Freeform 22"/>
            <p:cNvSpPr>
              <a:spLocks noChangeAspect="1"/>
            </p:cNvSpPr>
            <p:nvPr/>
          </p:nvSpPr>
          <p:spPr bwMode="auto">
            <a:xfrm>
              <a:off x="646" y="323"/>
              <a:ext cx="192" cy="96"/>
            </a:xfrm>
            <a:custGeom>
              <a:avLst/>
              <a:gdLst/>
              <a:ahLst/>
              <a:cxnLst>
                <a:cxn ang="0">
                  <a:pos x="8139" y="416"/>
                </a:cxn>
                <a:cxn ang="0">
                  <a:pos x="8033" y="1019"/>
                </a:cxn>
                <a:cxn ang="0">
                  <a:pos x="7841" y="1587"/>
                </a:cxn>
                <a:cxn ang="0">
                  <a:pos x="7571" y="2114"/>
                </a:cxn>
                <a:cxn ang="0">
                  <a:pos x="7231" y="2594"/>
                </a:cxn>
                <a:cxn ang="0">
                  <a:pos x="6827" y="3019"/>
                </a:cxn>
                <a:cxn ang="0">
                  <a:pos x="6365" y="3382"/>
                </a:cxn>
                <a:cxn ang="0">
                  <a:pos x="5853" y="3677"/>
                </a:cxn>
                <a:cxn ang="0">
                  <a:pos x="5297" y="3896"/>
                </a:cxn>
                <a:cxn ang="0">
                  <a:pos x="4703" y="4033"/>
                </a:cxn>
                <a:cxn ang="0">
                  <a:pos x="4080" y="4080"/>
                </a:cxn>
                <a:cxn ang="0">
                  <a:pos x="3460" y="4033"/>
                </a:cxn>
                <a:cxn ang="0">
                  <a:pos x="2868" y="3896"/>
                </a:cxn>
                <a:cxn ang="0">
                  <a:pos x="2313" y="3677"/>
                </a:cxn>
                <a:cxn ang="0">
                  <a:pos x="1800" y="3382"/>
                </a:cxn>
                <a:cxn ang="0">
                  <a:pos x="1338" y="3019"/>
                </a:cxn>
                <a:cxn ang="0">
                  <a:pos x="933" y="2594"/>
                </a:cxn>
                <a:cxn ang="0">
                  <a:pos x="592" y="2114"/>
                </a:cxn>
                <a:cxn ang="0">
                  <a:pos x="321" y="1587"/>
                </a:cxn>
                <a:cxn ang="0">
                  <a:pos x="129" y="1019"/>
                </a:cxn>
                <a:cxn ang="0">
                  <a:pos x="21" y="416"/>
                </a:cxn>
                <a:cxn ang="0">
                  <a:pos x="2040" y="0"/>
                </a:cxn>
                <a:cxn ang="0">
                  <a:pos x="2064" y="309"/>
                </a:cxn>
                <a:cxn ang="0">
                  <a:pos x="2133" y="604"/>
                </a:cxn>
                <a:cxn ang="0">
                  <a:pos x="2243" y="881"/>
                </a:cxn>
                <a:cxn ang="0">
                  <a:pos x="2391" y="1137"/>
                </a:cxn>
                <a:cxn ang="0">
                  <a:pos x="2572" y="1369"/>
                </a:cxn>
                <a:cxn ang="0">
                  <a:pos x="2786" y="1572"/>
                </a:cxn>
                <a:cxn ang="0">
                  <a:pos x="3025" y="1743"/>
                </a:cxn>
                <a:cxn ang="0">
                  <a:pos x="3290" y="1879"/>
                </a:cxn>
                <a:cxn ang="0">
                  <a:pos x="3573" y="1976"/>
                </a:cxn>
                <a:cxn ang="0">
                  <a:pos x="3873" y="2030"/>
                </a:cxn>
                <a:cxn ang="0">
                  <a:pos x="4186" y="2037"/>
                </a:cxn>
                <a:cxn ang="0">
                  <a:pos x="4492" y="1998"/>
                </a:cxn>
                <a:cxn ang="0">
                  <a:pos x="4784" y="1916"/>
                </a:cxn>
                <a:cxn ang="0">
                  <a:pos x="5054" y="1792"/>
                </a:cxn>
                <a:cxn ang="0">
                  <a:pos x="5303" y="1632"/>
                </a:cxn>
                <a:cxn ang="0">
                  <a:pos x="5524" y="1439"/>
                </a:cxn>
                <a:cxn ang="0">
                  <a:pos x="5716" y="1217"/>
                </a:cxn>
                <a:cxn ang="0">
                  <a:pos x="5875" y="969"/>
                </a:cxn>
                <a:cxn ang="0">
                  <a:pos x="5997" y="699"/>
                </a:cxn>
                <a:cxn ang="0">
                  <a:pos x="6079" y="409"/>
                </a:cxn>
                <a:cxn ang="0">
                  <a:pos x="6118" y="104"/>
                </a:cxn>
              </a:cxnLst>
              <a:rect l="0" t="0" r="r" b="b"/>
              <a:pathLst>
                <a:path w="8160" h="4080">
                  <a:moveTo>
                    <a:pt x="8160" y="0"/>
                  </a:moveTo>
                  <a:lnTo>
                    <a:pt x="8155" y="209"/>
                  </a:lnTo>
                  <a:lnTo>
                    <a:pt x="8139" y="416"/>
                  </a:lnTo>
                  <a:lnTo>
                    <a:pt x="8113" y="620"/>
                  </a:lnTo>
                  <a:lnTo>
                    <a:pt x="8077" y="821"/>
                  </a:lnTo>
                  <a:lnTo>
                    <a:pt x="8033" y="1019"/>
                  </a:lnTo>
                  <a:lnTo>
                    <a:pt x="7977" y="1212"/>
                  </a:lnTo>
                  <a:lnTo>
                    <a:pt x="7913" y="1401"/>
                  </a:lnTo>
                  <a:lnTo>
                    <a:pt x="7841" y="1587"/>
                  </a:lnTo>
                  <a:lnTo>
                    <a:pt x="7759" y="1768"/>
                  </a:lnTo>
                  <a:lnTo>
                    <a:pt x="7669" y="1943"/>
                  </a:lnTo>
                  <a:lnTo>
                    <a:pt x="7571" y="2114"/>
                  </a:lnTo>
                  <a:lnTo>
                    <a:pt x="7465" y="2280"/>
                  </a:lnTo>
                  <a:lnTo>
                    <a:pt x="7352" y="2440"/>
                  </a:lnTo>
                  <a:lnTo>
                    <a:pt x="7231" y="2594"/>
                  </a:lnTo>
                  <a:lnTo>
                    <a:pt x="7103" y="2742"/>
                  </a:lnTo>
                  <a:lnTo>
                    <a:pt x="6968" y="2884"/>
                  </a:lnTo>
                  <a:lnTo>
                    <a:pt x="6827" y="3019"/>
                  </a:lnTo>
                  <a:lnTo>
                    <a:pt x="6679" y="3148"/>
                  </a:lnTo>
                  <a:lnTo>
                    <a:pt x="6525" y="3268"/>
                  </a:lnTo>
                  <a:lnTo>
                    <a:pt x="6365" y="3382"/>
                  </a:lnTo>
                  <a:lnTo>
                    <a:pt x="6200" y="3488"/>
                  </a:lnTo>
                  <a:lnTo>
                    <a:pt x="6028" y="3586"/>
                  </a:lnTo>
                  <a:lnTo>
                    <a:pt x="5853" y="3677"/>
                  </a:lnTo>
                  <a:lnTo>
                    <a:pt x="5671" y="3759"/>
                  </a:lnTo>
                  <a:lnTo>
                    <a:pt x="5487" y="3832"/>
                  </a:lnTo>
                  <a:lnTo>
                    <a:pt x="5297" y="3896"/>
                  </a:lnTo>
                  <a:lnTo>
                    <a:pt x="5103" y="3951"/>
                  </a:lnTo>
                  <a:lnTo>
                    <a:pt x="4905" y="3997"/>
                  </a:lnTo>
                  <a:lnTo>
                    <a:pt x="4703" y="4033"/>
                  </a:lnTo>
                  <a:lnTo>
                    <a:pt x="4499" y="4059"/>
                  </a:lnTo>
                  <a:lnTo>
                    <a:pt x="4291" y="4075"/>
                  </a:lnTo>
                  <a:lnTo>
                    <a:pt x="4080" y="4080"/>
                  </a:lnTo>
                  <a:lnTo>
                    <a:pt x="3871" y="4075"/>
                  </a:lnTo>
                  <a:lnTo>
                    <a:pt x="3664" y="4059"/>
                  </a:lnTo>
                  <a:lnTo>
                    <a:pt x="3460" y="4033"/>
                  </a:lnTo>
                  <a:lnTo>
                    <a:pt x="3259" y="3997"/>
                  </a:lnTo>
                  <a:lnTo>
                    <a:pt x="3062" y="3951"/>
                  </a:lnTo>
                  <a:lnTo>
                    <a:pt x="2868" y="3896"/>
                  </a:lnTo>
                  <a:lnTo>
                    <a:pt x="2679" y="3832"/>
                  </a:lnTo>
                  <a:lnTo>
                    <a:pt x="2494" y="3759"/>
                  </a:lnTo>
                  <a:lnTo>
                    <a:pt x="2313" y="3677"/>
                  </a:lnTo>
                  <a:lnTo>
                    <a:pt x="2137" y="3586"/>
                  </a:lnTo>
                  <a:lnTo>
                    <a:pt x="1967" y="3488"/>
                  </a:lnTo>
                  <a:lnTo>
                    <a:pt x="1800" y="3382"/>
                  </a:lnTo>
                  <a:lnTo>
                    <a:pt x="1640" y="3268"/>
                  </a:lnTo>
                  <a:lnTo>
                    <a:pt x="1486" y="3148"/>
                  </a:lnTo>
                  <a:lnTo>
                    <a:pt x="1338" y="3019"/>
                  </a:lnTo>
                  <a:lnTo>
                    <a:pt x="1196" y="2884"/>
                  </a:lnTo>
                  <a:lnTo>
                    <a:pt x="1061" y="2742"/>
                  </a:lnTo>
                  <a:lnTo>
                    <a:pt x="933" y="2594"/>
                  </a:lnTo>
                  <a:lnTo>
                    <a:pt x="812" y="2440"/>
                  </a:lnTo>
                  <a:lnTo>
                    <a:pt x="698" y="2280"/>
                  </a:lnTo>
                  <a:lnTo>
                    <a:pt x="592" y="2114"/>
                  </a:lnTo>
                  <a:lnTo>
                    <a:pt x="493" y="1943"/>
                  </a:lnTo>
                  <a:lnTo>
                    <a:pt x="403" y="1768"/>
                  </a:lnTo>
                  <a:lnTo>
                    <a:pt x="321" y="1587"/>
                  </a:lnTo>
                  <a:lnTo>
                    <a:pt x="248" y="1401"/>
                  </a:lnTo>
                  <a:lnTo>
                    <a:pt x="184" y="1212"/>
                  </a:lnTo>
                  <a:lnTo>
                    <a:pt x="129" y="1019"/>
                  </a:lnTo>
                  <a:lnTo>
                    <a:pt x="83" y="821"/>
                  </a:lnTo>
                  <a:lnTo>
                    <a:pt x="47" y="620"/>
                  </a:lnTo>
                  <a:lnTo>
                    <a:pt x="21" y="416"/>
                  </a:lnTo>
                  <a:lnTo>
                    <a:pt x="5" y="209"/>
                  </a:lnTo>
                  <a:lnTo>
                    <a:pt x="0" y="0"/>
                  </a:lnTo>
                  <a:lnTo>
                    <a:pt x="2040" y="0"/>
                  </a:lnTo>
                  <a:lnTo>
                    <a:pt x="2043" y="104"/>
                  </a:lnTo>
                  <a:lnTo>
                    <a:pt x="2051" y="207"/>
                  </a:lnTo>
                  <a:lnTo>
                    <a:pt x="2064" y="309"/>
                  </a:lnTo>
                  <a:lnTo>
                    <a:pt x="2082" y="409"/>
                  </a:lnTo>
                  <a:lnTo>
                    <a:pt x="2105" y="507"/>
                  </a:lnTo>
                  <a:lnTo>
                    <a:pt x="2133" y="604"/>
                  </a:lnTo>
                  <a:lnTo>
                    <a:pt x="2164" y="699"/>
                  </a:lnTo>
                  <a:lnTo>
                    <a:pt x="2201" y="791"/>
                  </a:lnTo>
                  <a:lnTo>
                    <a:pt x="2243" y="881"/>
                  </a:lnTo>
                  <a:lnTo>
                    <a:pt x="2288" y="969"/>
                  </a:lnTo>
                  <a:lnTo>
                    <a:pt x="2337" y="1055"/>
                  </a:lnTo>
                  <a:lnTo>
                    <a:pt x="2391" y="1137"/>
                  </a:lnTo>
                  <a:lnTo>
                    <a:pt x="2448" y="1217"/>
                  </a:lnTo>
                  <a:lnTo>
                    <a:pt x="2508" y="1294"/>
                  </a:lnTo>
                  <a:lnTo>
                    <a:pt x="2572" y="1369"/>
                  </a:lnTo>
                  <a:lnTo>
                    <a:pt x="2641" y="1439"/>
                  </a:lnTo>
                  <a:lnTo>
                    <a:pt x="2711" y="1508"/>
                  </a:lnTo>
                  <a:lnTo>
                    <a:pt x="2786" y="1572"/>
                  </a:lnTo>
                  <a:lnTo>
                    <a:pt x="2863" y="1632"/>
                  </a:lnTo>
                  <a:lnTo>
                    <a:pt x="2943" y="1689"/>
                  </a:lnTo>
                  <a:lnTo>
                    <a:pt x="3025" y="1743"/>
                  </a:lnTo>
                  <a:lnTo>
                    <a:pt x="3111" y="1792"/>
                  </a:lnTo>
                  <a:lnTo>
                    <a:pt x="3199" y="1838"/>
                  </a:lnTo>
                  <a:lnTo>
                    <a:pt x="3290" y="1879"/>
                  </a:lnTo>
                  <a:lnTo>
                    <a:pt x="3381" y="1916"/>
                  </a:lnTo>
                  <a:lnTo>
                    <a:pt x="3476" y="1948"/>
                  </a:lnTo>
                  <a:lnTo>
                    <a:pt x="3573" y="1976"/>
                  </a:lnTo>
                  <a:lnTo>
                    <a:pt x="3671" y="1998"/>
                  </a:lnTo>
                  <a:lnTo>
                    <a:pt x="3771" y="2017"/>
                  </a:lnTo>
                  <a:lnTo>
                    <a:pt x="3873" y="2030"/>
                  </a:lnTo>
                  <a:lnTo>
                    <a:pt x="3976" y="2037"/>
                  </a:lnTo>
                  <a:lnTo>
                    <a:pt x="4080" y="2040"/>
                  </a:lnTo>
                  <a:lnTo>
                    <a:pt x="4186" y="2037"/>
                  </a:lnTo>
                  <a:lnTo>
                    <a:pt x="4289" y="2030"/>
                  </a:lnTo>
                  <a:lnTo>
                    <a:pt x="4392" y="2017"/>
                  </a:lnTo>
                  <a:lnTo>
                    <a:pt x="4492" y="1998"/>
                  </a:lnTo>
                  <a:lnTo>
                    <a:pt x="4591" y="1976"/>
                  </a:lnTo>
                  <a:lnTo>
                    <a:pt x="4688" y="1948"/>
                  </a:lnTo>
                  <a:lnTo>
                    <a:pt x="4784" y="1916"/>
                  </a:lnTo>
                  <a:lnTo>
                    <a:pt x="4876" y="1879"/>
                  </a:lnTo>
                  <a:lnTo>
                    <a:pt x="4966" y="1838"/>
                  </a:lnTo>
                  <a:lnTo>
                    <a:pt x="5054" y="1792"/>
                  </a:lnTo>
                  <a:lnTo>
                    <a:pt x="5140" y="1743"/>
                  </a:lnTo>
                  <a:lnTo>
                    <a:pt x="5222" y="1689"/>
                  </a:lnTo>
                  <a:lnTo>
                    <a:pt x="5303" y="1632"/>
                  </a:lnTo>
                  <a:lnTo>
                    <a:pt x="5379" y="1572"/>
                  </a:lnTo>
                  <a:lnTo>
                    <a:pt x="5454" y="1508"/>
                  </a:lnTo>
                  <a:lnTo>
                    <a:pt x="5524" y="1439"/>
                  </a:lnTo>
                  <a:lnTo>
                    <a:pt x="5592" y="1369"/>
                  </a:lnTo>
                  <a:lnTo>
                    <a:pt x="5656" y="1294"/>
                  </a:lnTo>
                  <a:lnTo>
                    <a:pt x="5716" y="1217"/>
                  </a:lnTo>
                  <a:lnTo>
                    <a:pt x="5773" y="1137"/>
                  </a:lnTo>
                  <a:lnTo>
                    <a:pt x="5826" y="1055"/>
                  </a:lnTo>
                  <a:lnTo>
                    <a:pt x="5875" y="969"/>
                  </a:lnTo>
                  <a:lnTo>
                    <a:pt x="5920" y="881"/>
                  </a:lnTo>
                  <a:lnTo>
                    <a:pt x="5961" y="791"/>
                  </a:lnTo>
                  <a:lnTo>
                    <a:pt x="5997" y="699"/>
                  </a:lnTo>
                  <a:lnTo>
                    <a:pt x="6029" y="604"/>
                  </a:lnTo>
                  <a:lnTo>
                    <a:pt x="6057" y="507"/>
                  </a:lnTo>
                  <a:lnTo>
                    <a:pt x="6079" y="409"/>
                  </a:lnTo>
                  <a:lnTo>
                    <a:pt x="6097" y="309"/>
                  </a:lnTo>
                  <a:lnTo>
                    <a:pt x="6110" y="207"/>
                  </a:lnTo>
                  <a:lnTo>
                    <a:pt x="6118" y="104"/>
                  </a:lnTo>
                  <a:lnTo>
                    <a:pt x="6120" y="0"/>
                  </a:lnTo>
                  <a:lnTo>
                    <a:pt x="8160" y="0"/>
                  </a:lnTo>
                  <a:close/>
                </a:path>
              </a:pathLst>
            </a:custGeom>
            <a:solidFill>
              <a:schemeClr val="bg2"/>
            </a:solidFill>
            <a:ln w="9525">
              <a:noFill/>
              <a:round/>
              <a:headEnd/>
              <a:tailEnd/>
            </a:ln>
          </p:spPr>
          <p:txBody>
            <a:bodyPr/>
            <a:lstStyle/>
            <a:p>
              <a:endParaRPr lang="da-DK" sz="1800" cap="all" baseline="0"/>
            </a:p>
          </p:txBody>
        </p:sp>
        <p:sp>
          <p:nvSpPr>
            <p:cNvPr id="1047" name="Freeform 23"/>
            <p:cNvSpPr>
              <a:spLocks noChangeAspect="1"/>
            </p:cNvSpPr>
            <p:nvPr/>
          </p:nvSpPr>
          <p:spPr bwMode="auto">
            <a:xfrm>
              <a:off x="454" y="227"/>
              <a:ext cx="192" cy="192"/>
            </a:xfrm>
            <a:custGeom>
              <a:avLst/>
              <a:gdLst/>
              <a:ahLst/>
              <a:cxnLst>
                <a:cxn ang="0">
                  <a:pos x="2878" y="8160"/>
                </a:cxn>
                <a:cxn ang="0">
                  <a:pos x="0" y="8160"/>
                </a:cxn>
                <a:cxn ang="0">
                  <a:pos x="8160" y="0"/>
                </a:cxn>
                <a:cxn ang="0">
                  <a:pos x="8160" y="2892"/>
                </a:cxn>
                <a:cxn ang="0">
                  <a:pos x="2878" y="8160"/>
                </a:cxn>
              </a:cxnLst>
              <a:rect l="0" t="0" r="r" b="b"/>
              <a:pathLst>
                <a:path w="8160" h="8160">
                  <a:moveTo>
                    <a:pt x="2878" y="8160"/>
                  </a:moveTo>
                  <a:lnTo>
                    <a:pt x="0" y="8160"/>
                  </a:lnTo>
                  <a:lnTo>
                    <a:pt x="8160" y="0"/>
                  </a:lnTo>
                  <a:lnTo>
                    <a:pt x="8160" y="2892"/>
                  </a:lnTo>
                  <a:lnTo>
                    <a:pt x="2878" y="8160"/>
                  </a:lnTo>
                  <a:close/>
                </a:path>
              </a:pathLst>
            </a:custGeom>
            <a:solidFill>
              <a:schemeClr val="bg2"/>
            </a:solidFill>
            <a:ln w="9525">
              <a:noFill/>
              <a:round/>
              <a:headEnd/>
              <a:tailEnd/>
            </a:ln>
          </p:spPr>
          <p:txBody>
            <a:bodyPr/>
            <a:lstStyle/>
            <a:p>
              <a:endParaRPr lang="da-DK" sz="1800" cap="all" baseline="0"/>
            </a:p>
          </p:txBody>
        </p:sp>
      </p:grpSp>
    </p:spTree>
    <p:extLst>
      <p:ext uri="{BB962C8B-B14F-4D97-AF65-F5344CB8AC3E}">
        <p14:creationId xmlns:p14="http://schemas.microsoft.com/office/powerpoint/2010/main" val="360435993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6" r:id="rId1"/>
    <p:sldLayoutId id="2147483707" r:id="rId2"/>
    <p:sldLayoutId id="2147483708" r:id="rId3"/>
    <p:sldLayoutId id="2147483709" r:id="rId4"/>
    <p:sldLayoutId id="2147483710" r:id="rId5"/>
  </p:sldLayoutIdLst>
  <p:hf hdr="0" ftr="0" dt="0"/>
  <p:txStyles>
    <p:titleStyle>
      <a:lvl1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 cap="all" baseline="0">
          <a:solidFill>
            <a:schemeClr val="bg2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5pPr>
      <a:lvl6pPr marL="4572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6pPr>
      <a:lvl7pPr marL="9144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7pPr>
      <a:lvl8pPr marL="13716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8pPr>
      <a:lvl9pPr marL="18288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9pPr>
    </p:titleStyle>
    <p:bodyStyle>
      <a:lvl1pPr marL="174625" indent="-174625" algn="l" rtl="0" eaLnBrk="1" fontAlgn="base" hangingPunct="1">
        <a:lnSpc>
          <a:spcPts val="2100"/>
        </a:lnSpc>
        <a:spcBef>
          <a:spcPct val="0"/>
        </a:spcBef>
        <a:spcAft>
          <a:spcPct val="0"/>
        </a:spcAft>
        <a:buFont typeface="AU Passata" pitchFamily="34" charset="0"/>
        <a:buChar char="›"/>
        <a:defRPr>
          <a:solidFill>
            <a:schemeClr val="bg2"/>
          </a:solidFill>
          <a:latin typeface="+mn-lt"/>
          <a:ea typeface="+mn-ea"/>
          <a:cs typeface="+mn-cs"/>
        </a:defRPr>
      </a:lvl1pPr>
      <a:lvl2pPr marL="360363" indent="-184150" algn="l" rtl="0" eaLnBrk="1" fontAlgn="base" hangingPunct="1">
        <a:lnSpc>
          <a:spcPct val="101000"/>
        </a:lnSpc>
        <a:spcBef>
          <a:spcPct val="0"/>
        </a:spcBef>
        <a:spcAft>
          <a:spcPct val="0"/>
        </a:spcAft>
        <a:buFont typeface="AU Passata" pitchFamily="34" charset="0"/>
        <a:buChar char="›"/>
        <a:defRPr sz="1400">
          <a:solidFill>
            <a:schemeClr val="bg2"/>
          </a:solidFill>
          <a:latin typeface="+mn-lt"/>
        </a:defRPr>
      </a:lvl2pPr>
      <a:lvl3pPr marL="544513" indent="-182563" algn="l" rtl="0" eaLnBrk="1" fontAlgn="base" hangingPunct="1">
        <a:lnSpc>
          <a:spcPct val="97000"/>
        </a:lnSpc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3pPr>
      <a:lvl4pPr marL="711200" indent="-165100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4pPr>
      <a:lvl5pPr marL="8953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5pPr>
      <a:lvl6pPr marL="13525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6pPr>
      <a:lvl7pPr marL="18097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7pPr>
      <a:lvl8pPr marL="22669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8pPr>
      <a:lvl9pPr marL="27241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9B5F375-689F-4689-864C-A28E6ACADD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7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4F0F5CE-528F-40A1-8B1B-FFF08CEB55B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00618D8-5388-4DAD-A3D4-0A2E4785481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2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1A13B18-F5ED-4611-8DBB-F05123AFBA22}" type="datetimeFigureOut">
              <a:rPr lang="da-DK" smtClean="0"/>
              <a:pPr/>
              <a:t>18-01-2024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318C31-A7A5-4685-9D84-37EE443D908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2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0CFB476-F416-4C4B-A355-BA42BAC993B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2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730092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2" r:id="rId1"/>
    <p:sldLayoutId id="2147483713" r:id="rId2"/>
    <p:sldLayoutId id="2147483714" r:id="rId3"/>
    <p:sldLayoutId id="2147483715" r:id="rId4"/>
    <p:sldLayoutId id="2147483716" r:id="rId5"/>
    <p:sldLayoutId id="2147483717" r:id="rId6"/>
    <p:sldLayoutId id="2147483718" r:id="rId7"/>
    <p:sldLayoutId id="2147483719" r:id="rId8"/>
    <p:sldLayoutId id="2147483720" r:id="rId9"/>
    <p:sldLayoutId id="2147483721" r:id="rId10"/>
    <p:sldLayoutId id="2147483722" r:id="rId11"/>
    <p:sldLayoutId id="2147483723" r:id="rId12"/>
    <p:sldLayoutId id="2147483724" r:id="rId13"/>
    <p:sldLayoutId id="2147483725" r:id="rId14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3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90000"/>
        </a:lnSpc>
        <a:spcBef>
          <a:spcPts val="750"/>
        </a:spcBef>
        <a:buFont typeface="Arial" panose="020B0604020202020204" pitchFamily="34" charset="0"/>
        <a:buChar char="•"/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143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8572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12001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5430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838200" y="365129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838200" y="635635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65871AB1-0069-4EC4-8187-B19517FB9C2C}" type="datetimeFigureOut">
              <a:rPr lang="da-DK" smtClean="0"/>
              <a:t>18-01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4038600" y="6356354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610600" y="635635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976943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7" r:id="rId1"/>
    <p:sldLayoutId id="2147483728" r:id="rId2"/>
    <p:sldLayoutId id="2147483729" r:id="rId3"/>
    <p:sldLayoutId id="2147483730" r:id="rId4"/>
    <p:sldLayoutId id="2147483731" r:id="rId5"/>
    <p:sldLayoutId id="2147483732" r:id="rId6"/>
    <p:sldLayoutId id="2147483733" r:id="rId7"/>
    <p:sldLayoutId id="2147483734" r:id="rId8"/>
    <p:sldLayoutId id="2147483735" r:id="rId9"/>
    <p:sldLayoutId id="2147483736" r:id="rId10"/>
    <p:sldLayoutId id="2147483737" r:id="rId11"/>
  </p:sldLayoutIdLst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3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90000"/>
        </a:lnSpc>
        <a:spcBef>
          <a:spcPts val="750"/>
        </a:spcBef>
        <a:buFont typeface="Arial" panose="020B0604020202020204" pitchFamily="34" charset="0"/>
        <a:buChar char="•"/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143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8572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12001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5430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6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5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5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6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6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6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6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6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3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3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35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5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35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35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dirty="0"/>
              <a:t>INFORMATION OM ANKESTYRELSENS ROLLE OG OPGAV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000" b="1" dirty="0"/>
              <a:t>Lektor ph.d. Caroline Adolphsen, AU</a:t>
            </a:r>
          </a:p>
          <a:p>
            <a:pPr marL="0" indent="0">
              <a:buNone/>
            </a:pPr>
            <a:r>
              <a:rPr lang="da-DK" sz="2000" b="1" dirty="0"/>
              <a:t>Professor, dr.jur. Frederik Waage, SDU</a:t>
            </a:r>
          </a:p>
          <a:p>
            <a:pPr marL="0" indent="0">
              <a:buNone/>
            </a:pPr>
            <a:endParaRPr lang="da-DK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fontAlgn="base">
              <a:spcBef>
                <a:spcPct val="0"/>
              </a:spcBef>
              <a:spcAft>
                <a:spcPct val="0"/>
              </a:spcAft>
            </a:pPr>
            <a:fld id="{4A778A20-C4FB-4A5D-BA56-B6F7BCAF0113}" type="slidenum">
              <a:rPr lang="da-DK">
                <a:solidFill>
                  <a:srgbClr val="03428E"/>
                </a:solidFill>
                <a:latin typeface="AU Passata" pitchFamily="34" charset="0"/>
              </a:rPr>
              <a:pPr fontAlgn="base">
                <a:spcBef>
                  <a:spcPct val="0"/>
                </a:spcBef>
                <a:spcAft>
                  <a:spcPct val="0"/>
                </a:spcAft>
              </a:pPr>
              <a:t>1</a:t>
            </a:fld>
            <a:endParaRPr lang="da-DK">
              <a:solidFill>
                <a:srgbClr val="03428E"/>
              </a:solidFill>
              <a:latin typeface="AU Passata" pitchFamily="34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EB04291-AFCF-205D-3BC4-5EEE4D7187D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42929" y="325481"/>
            <a:ext cx="1330953" cy="354920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09436312-8F7C-1C20-92DD-12A032DBA41A}"/>
              </a:ext>
            </a:extLst>
          </p:cNvPr>
          <p:cNvSpPr txBox="1"/>
          <p:nvPr/>
        </p:nvSpPr>
        <p:spPr>
          <a:xfrm>
            <a:off x="393406" y="4637835"/>
            <a:ext cx="7060018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da-DK" b="1" dirty="0">
                <a:solidFill>
                  <a:schemeClr val="bg2"/>
                </a:solidFill>
              </a:rPr>
              <a:t>ANKESTYRELSENS ROLLE I BØRNESAGER</a:t>
            </a:r>
          </a:p>
          <a:p>
            <a:pPr algn="l"/>
            <a:r>
              <a:rPr lang="da-DK" b="1" dirty="0">
                <a:solidFill>
                  <a:schemeClr val="bg2"/>
                </a:solidFill>
              </a:rPr>
              <a:t>Den 19. januar 2024 kl. 9.30 - 15.15</a:t>
            </a:r>
          </a:p>
          <a:p>
            <a:pPr algn="l"/>
            <a:r>
              <a:rPr lang="da-DK" b="1" dirty="0">
                <a:solidFill>
                  <a:schemeClr val="bg2"/>
                </a:solidFill>
              </a:rPr>
              <a:t>Fællessalen på Christiansborg</a:t>
            </a:r>
          </a:p>
        </p:txBody>
      </p:sp>
    </p:spTree>
    <p:extLst>
      <p:ext uri="{BB962C8B-B14F-4D97-AF65-F5344CB8AC3E}">
        <p14:creationId xmlns:p14="http://schemas.microsoft.com/office/powerpoint/2010/main" val="85192056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DAF1966E-FD40-4A4A-B61B-C4DF7FA05F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047BFA19-D45E-416B-A404-7AF2F3F2701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58209" y="0"/>
            <a:ext cx="11167447" cy="2018806"/>
          </a:xfrm>
          <a:prstGeom prst="rect">
            <a:avLst/>
          </a:prstGeom>
          <a:ln w="9525">
            <a:solidFill>
              <a:srgbClr val="E1E1E1"/>
            </a:solidFill>
          </a:ln>
          <a:effectLst>
            <a:outerShdw blurRad="50800" dist="38100" dir="2700000" algn="tl" rotWithShape="0">
              <a:schemeClr val="bg1">
                <a:lumMod val="85000"/>
                <a:alpha val="50000"/>
              </a:scheme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8E0105E7-23DB-4CF2-8258-FF47C7620F6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66928" y="0"/>
            <a:ext cx="11155680" cy="2011680"/>
          </a:xfrm>
          <a:prstGeom prst="rect">
            <a:avLst/>
          </a:prstGeom>
          <a:ln w="9525"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C42AE1F-577A-EF6A-CE58-2AB2DA7DFF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15568" y="548640"/>
            <a:ext cx="10168128" cy="1179576"/>
          </a:xfrm>
        </p:spPr>
        <p:txBody>
          <a:bodyPr>
            <a:normAutofit/>
          </a:bodyPr>
          <a:lstStyle/>
          <a:p>
            <a:r>
              <a:rPr lang="da-DK" sz="4000"/>
              <a:t>Grundlovens § 55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74B4F7D-14B2-478B-8BF5-01E4E0C5D26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98834" y="758952"/>
            <a:ext cx="128016" cy="704088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2D54D42-EA83-F7C3-4765-ECA4842923F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115568" y="2481943"/>
            <a:ext cx="10168128" cy="369502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da-DK" sz="2400" b="1" i="0" dirty="0">
                <a:effectLst/>
                <a:latin typeface="Times New Roman" panose="02020603050405020304" pitchFamily="18" charset="0"/>
              </a:rPr>
              <a:t>§ 55</a:t>
            </a:r>
            <a:br>
              <a:rPr lang="da-DK" sz="2400" dirty="0"/>
            </a:br>
            <a:r>
              <a:rPr lang="da-DK" sz="2400" b="0" i="0" dirty="0">
                <a:effectLst/>
                <a:latin typeface="Times New Roman" panose="02020603050405020304" pitchFamily="18" charset="0"/>
              </a:rPr>
              <a:t>Ved lov bestemmes, at folketinget vælger en eller to personer, der ikke er medlemmer af folketinget, til at have indseende med statens civile og militære forvaltning.</a:t>
            </a: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385029949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5" name="Rectangle 24">
            <a:extLst>
              <a:ext uri="{FF2B5EF4-FFF2-40B4-BE49-F238E27FC236}">
                <a16:creationId xmlns:a16="http://schemas.microsoft.com/office/drawing/2014/main" id="{081EA652-8C6A-4E69-BEB9-17080947455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524000" y="857250"/>
            <a:ext cx="9144000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27" name="Right Triangle 26">
            <a:extLst>
              <a:ext uri="{FF2B5EF4-FFF2-40B4-BE49-F238E27FC236}">
                <a16:creationId xmlns:a16="http://schemas.microsoft.com/office/drawing/2014/main" id="{5298780A-33B9-4EA2-8F67-DE68AD62841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7956540" y="3359150"/>
            <a:ext cx="2468880" cy="2400300"/>
          </a:xfrm>
          <a:prstGeom prst="rtTriangl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 dirty="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7F488E8B-4E1E-4402-8935-D4E6C02615C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2005331" y="1324706"/>
            <a:ext cx="8178790" cy="4205912"/>
          </a:xfrm>
          <a:prstGeom prst="rect">
            <a:avLst/>
          </a:prstGeom>
          <a:noFill/>
          <a:ln w="19050"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05CEDB-9731-48B8-9C32-6BBF1D2AA97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487932" y="1645198"/>
            <a:ext cx="6056111" cy="1213867"/>
          </a:xfrm>
        </p:spPr>
        <p:txBody>
          <a:bodyPr vert="horz" lIns="68580" tIns="34290" rIns="68580" bIns="34290" rtlCol="0" anchor="ctr">
            <a:normAutofit/>
          </a:bodyPr>
          <a:lstStyle/>
          <a:p>
            <a:r>
              <a:rPr lang="en-US" sz="3750" dirty="0" err="1"/>
              <a:t>Ombudsmanden</a:t>
            </a:r>
            <a:r>
              <a:rPr lang="en-US" sz="3750" dirty="0"/>
              <a:t> </a:t>
            </a:r>
            <a:r>
              <a:rPr lang="en-US" sz="3750" dirty="0" err="1"/>
              <a:t>som</a:t>
            </a:r>
            <a:r>
              <a:rPr lang="en-US" sz="3750" dirty="0"/>
              <a:t> </a:t>
            </a:r>
            <a:r>
              <a:rPr lang="en-US" sz="3750" dirty="0" err="1"/>
              <a:t>substitut</a:t>
            </a:r>
            <a:endParaRPr lang="en-US" sz="375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F89E894-9438-44F1-BCAC-919F968655F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337063" y="2737899"/>
            <a:ext cx="6886281" cy="2623065"/>
          </a:xfrm>
        </p:spPr>
        <p:txBody>
          <a:bodyPr vert="horz" lIns="68580" tIns="34290" rIns="68580" bIns="34290" rtlCol="0" anchor="t">
            <a:normAutofit/>
          </a:bodyPr>
          <a:lstStyle/>
          <a:p>
            <a:pPr marL="0"/>
            <a:r>
              <a:rPr lang="en-US" sz="1500" b="1" dirty="0"/>
              <a:t>Hans </a:t>
            </a:r>
            <a:r>
              <a:rPr lang="en-US" sz="1500" b="1" dirty="0" err="1"/>
              <a:t>Gammeltoft</a:t>
            </a:r>
            <a:r>
              <a:rPr lang="en-US" sz="1500" b="1" dirty="0"/>
              <a:t>-Hansen:  </a:t>
            </a:r>
            <a:r>
              <a:rPr lang="en-US" sz="1500" dirty="0" err="1"/>
              <a:t>Ombudsmanden</a:t>
            </a:r>
            <a:r>
              <a:rPr lang="en-US" sz="1500" dirty="0"/>
              <a:t> er et </a:t>
            </a:r>
            <a:r>
              <a:rPr lang="en-US" sz="1500" dirty="0" err="1"/>
              <a:t>forfatningsmæssigt</a:t>
            </a:r>
            <a:r>
              <a:rPr lang="en-US" sz="1500" dirty="0"/>
              <a:t> </a:t>
            </a:r>
            <a:r>
              <a:rPr lang="en-US" sz="1500" dirty="0" err="1"/>
              <a:t>alternativ</a:t>
            </a:r>
            <a:r>
              <a:rPr lang="en-US" sz="1500" dirty="0"/>
              <a:t> (og supplement) til </a:t>
            </a:r>
            <a:r>
              <a:rPr lang="en-US" sz="1500" dirty="0" err="1"/>
              <a:t>domstolene</a:t>
            </a:r>
            <a:r>
              <a:rPr lang="en-US" sz="1500" dirty="0"/>
              <a:t>, </a:t>
            </a:r>
            <a:r>
              <a:rPr lang="en-US" sz="1500" dirty="0" err="1"/>
              <a:t>udtrykkeligt</a:t>
            </a:r>
            <a:r>
              <a:rPr lang="en-US" sz="1500" dirty="0"/>
              <a:t> </a:t>
            </a:r>
            <a:r>
              <a:rPr lang="en-US" sz="1500" dirty="0" err="1"/>
              <a:t>forankret</a:t>
            </a:r>
            <a:r>
              <a:rPr lang="en-US" sz="1500" dirty="0"/>
              <a:t> i </a:t>
            </a:r>
            <a:r>
              <a:rPr lang="en-US" sz="1500" dirty="0" err="1"/>
              <a:t>en</a:t>
            </a:r>
            <a:r>
              <a:rPr lang="en-US" sz="1500" dirty="0"/>
              <a:t> </a:t>
            </a:r>
            <a:r>
              <a:rPr lang="en-US" sz="1500" dirty="0" err="1"/>
              <a:t>særskilt</a:t>
            </a:r>
            <a:r>
              <a:rPr lang="en-US" sz="1500" dirty="0"/>
              <a:t> </a:t>
            </a:r>
            <a:r>
              <a:rPr lang="en-US" sz="1500" dirty="0" err="1"/>
              <a:t>bestemmelse</a:t>
            </a:r>
            <a:r>
              <a:rPr lang="en-US" sz="1500" dirty="0"/>
              <a:t> i </a:t>
            </a:r>
            <a:r>
              <a:rPr lang="en-US" sz="1500" dirty="0" err="1"/>
              <a:t>grundloven</a:t>
            </a:r>
            <a:r>
              <a:rPr lang="en-US" sz="1500" dirty="0"/>
              <a:t>.« </a:t>
            </a:r>
          </a:p>
          <a:p>
            <a:pPr marL="0"/>
            <a:endParaRPr lang="en-US" sz="1500" dirty="0"/>
          </a:p>
          <a:p>
            <a:pPr marL="0"/>
            <a:r>
              <a:rPr lang="en-US" sz="1500" dirty="0" err="1"/>
              <a:t>Realiteten</a:t>
            </a:r>
            <a:r>
              <a:rPr lang="en-US" sz="1500" dirty="0"/>
              <a:t> er…at </a:t>
            </a:r>
            <a:r>
              <a:rPr lang="en-US" sz="1500" dirty="0" err="1"/>
              <a:t>Ombudsmanden</a:t>
            </a:r>
            <a:r>
              <a:rPr lang="en-US" sz="1500" dirty="0"/>
              <a:t> i »</a:t>
            </a:r>
            <a:r>
              <a:rPr lang="en-US" sz="1500" dirty="0" err="1"/>
              <a:t>ikke</a:t>
            </a:r>
            <a:r>
              <a:rPr lang="en-US" sz="1500" dirty="0"/>
              <a:t> </a:t>
            </a:r>
            <a:r>
              <a:rPr lang="en-US" sz="1500" dirty="0" err="1"/>
              <a:t>helt</a:t>
            </a:r>
            <a:r>
              <a:rPr lang="en-US" sz="1500" dirty="0"/>
              <a:t> </a:t>
            </a:r>
            <a:r>
              <a:rPr lang="en-US" sz="1500" dirty="0" err="1"/>
              <a:t>ringe</a:t>
            </a:r>
            <a:r>
              <a:rPr lang="en-US" sz="1500" dirty="0"/>
              <a:t> </a:t>
            </a:r>
            <a:r>
              <a:rPr lang="en-US" sz="1500" dirty="0" err="1"/>
              <a:t>omfang</a:t>
            </a:r>
            <a:r>
              <a:rPr lang="en-US" sz="1500" dirty="0"/>
              <a:t>« </a:t>
            </a:r>
            <a:r>
              <a:rPr lang="en-US" sz="1500" dirty="0" err="1"/>
              <a:t>trådte</a:t>
            </a:r>
            <a:r>
              <a:rPr lang="en-US" sz="1500" dirty="0"/>
              <a:t> i </a:t>
            </a:r>
            <a:r>
              <a:rPr lang="en-US" sz="1500" dirty="0" err="1"/>
              <a:t>stedet</a:t>
            </a:r>
            <a:r>
              <a:rPr lang="en-US" sz="1500" dirty="0"/>
              <a:t> for det system </a:t>
            </a:r>
            <a:r>
              <a:rPr lang="en-US" sz="1500" dirty="0" err="1"/>
              <a:t>af</a:t>
            </a:r>
            <a:r>
              <a:rPr lang="en-US" sz="1500" dirty="0"/>
              <a:t> </a:t>
            </a:r>
            <a:r>
              <a:rPr lang="en-US" sz="1500" dirty="0" err="1"/>
              <a:t>forvaltningsdomstole</a:t>
            </a:r>
            <a:r>
              <a:rPr lang="en-US" sz="1500" dirty="0"/>
              <a:t>, </a:t>
            </a:r>
            <a:r>
              <a:rPr lang="en-US" sz="1500" dirty="0" err="1"/>
              <a:t>som</a:t>
            </a:r>
            <a:r>
              <a:rPr lang="en-US" sz="1500" dirty="0"/>
              <a:t> </a:t>
            </a:r>
            <a:r>
              <a:rPr lang="en-US" sz="1500" dirty="0" err="1"/>
              <a:t>kendtes</a:t>
            </a:r>
            <a:r>
              <a:rPr lang="en-US" sz="1500" dirty="0"/>
              <a:t> i </a:t>
            </a:r>
            <a:r>
              <a:rPr lang="en-US" sz="1500" dirty="0" err="1"/>
              <a:t>adskillige</a:t>
            </a:r>
            <a:r>
              <a:rPr lang="en-US" sz="1500" dirty="0"/>
              <a:t> </a:t>
            </a:r>
            <a:r>
              <a:rPr lang="en-US" sz="1500" dirty="0" err="1"/>
              <a:t>andre</a:t>
            </a:r>
            <a:r>
              <a:rPr lang="en-US" sz="1500" dirty="0"/>
              <a:t> </a:t>
            </a:r>
            <a:r>
              <a:rPr lang="en-US" sz="1500" dirty="0" err="1"/>
              <a:t>lande</a:t>
            </a:r>
            <a:r>
              <a:rPr lang="en-US" sz="1500" dirty="0"/>
              <a:t>. </a:t>
            </a:r>
          </a:p>
          <a:p>
            <a:pPr marL="0"/>
            <a:endParaRPr lang="en-US" sz="1500" dirty="0"/>
          </a:p>
          <a:p>
            <a:pPr marL="0"/>
            <a:r>
              <a:rPr lang="en-US" sz="1500" b="1" dirty="0"/>
              <a:t>Jens Peter Christensen: </a:t>
            </a:r>
            <a:r>
              <a:rPr lang="en-US" sz="1500" dirty="0" err="1"/>
              <a:t>Ombudsmanden</a:t>
            </a:r>
            <a:r>
              <a:rPr lang="en-US" sz="1500" dirty="0"/>
              <a:t> </a:t>
            </a:r>
            <a:r>
              <a:rPr lang="en-US" sz="1500" dirty="0" err="1"/>
              <a:t>reelt</a:t>
            </a:r>
            <a:r>
              <a:rPr lang="en-US" sz="1500" dirty="0"/>
              <a:t> er </a:t>
            </a:r>
            <a:r>
              <a:rPr lang="en-US" sz="1500" dirty="0" err="1"/>
              <a:t>kommet</a:t>
            </a:r>
            <a:r>
              <a:rPr lang="en-US" sz="1500" dirty="0"/>
              <a:t> til at </a:t>
            </a:r>
            <a:r>
              <a:rPr lang="en-US" sz="1500" dirty="0" err="1"/>
              <a:t>fungere</a:t>
            </a:r>
            <a:r>
              <a:rPr lang="en-US" sz="1500" dirty="0"/>
              <a:t> </a:t>
            </a:r>
            <a:r>
              <a:rPr lang="en-US" sz="1500" dirty="0" err="1"/>
              <a:t>som</a:t>
            </a:r>
            <a:r>
              <a:rPr lang="en-US" sz="1500" dirty="0"/>
              <a:t> </a:t>
            </a:r>
            <a:r>
              <a:rPr lang="en-US" sz="1500" dirty="0" err="1"/>
              <a:t>en</a:t>
            </a:r>
            <a:r>
              <a:rPr lang="en-US" sz="1500" dirty="0"/>
              <a:t> </a:t>
            </a:r>
            <a:r>
              <a:rPr lang="en-US" sz="1500" dirty="0" err="1"/>
              <a:t>nem</a:t>
            </a:r>
            <a:r>
              <a:rPr lang="en-US" sz="1500" dirty="0"/>
              <a:t> og </a:t>
            </a:r>
            <a:r>
              <a:rPr lang="en-US" sz="1500" dirty="0" err="1"/>
              <a:t>billig</a:t>
            </a:r>
            <a:r>
              <a:rPr lang="en-US" sz="1500" dirty="0"/>
              <a:t> </a:t>
            </a:r>
            <a:r>
              <a:rPr lang="en-US" sz="1500" dirty="0" err="1"/>
              <a:t>forvaltningsdomstol</a:t>
            </a:r>
            <a:r>
              <a:rPr lang="en-US" sz="1500" dirty="0"/>
              <a:t> for </a:t>
            </a:r>
            <a:r>
              <a:rPr lang="en-US" sz="1500" dirty="0" err="1"/>
              <a:t>borgernes</a:t>
            </a:r>
            <a:r>
              <a:rPr lang="en-US" sz="1500" dirty="0"/>
              <a:t> </a:t>
            </a:r>
            <a:r>
              <a:rPr lang="en-US" sz="1500" dirty="0" err="1"/>
              <a:t>anerkendelsessøgsmål</a:t>
            </a:r>
            <a:r>
              <a:rPr lang="en-US" sz="1500" dirty="0"/>
              <a:t> mod </a:t>
            </a:r>
            <a:r>
              <a:rPr lang="en-US" sz="1500" dirty="0" err="1"/>
              <a:t>forvaltningen</a:t>
            </a:r>
            <a:r>
              <a:rPr lang="en-US" sz="1500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57557057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62B998EC-E235-3B81-E74C-CEE50610AF00}"/>
              </a:ext>
            </a:extLst>
          </p:cNvPr>
          <p:cNvSpPr/>
          <p:nvPr/>
        </p:nvSpPr>
        <p:spPr>
          <a:xfrm>
            <a:off x="2006601" y="1335316"/>
            <a:ext cx="4052575" cy="5190029"/>
          </a:xfrm>
          <a:prstGeom prst="roundRect">
            <a:avLst/>
          </a:prstGeom>
          <a:solidFill>
            <a:schemeClr val="bg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10A8CC42-CFF5-C4DA-8AAF-BC3DC086AE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52567" y="1024169"/>
            <a:ext cx="2001749" cy="993728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0C2F7AC9-2949-F67F-E55B-ECDE9084232D}"/>
              </a:ext>
            </a:extLst>
          </p:cNvPr>
          <p:cNvSpPr/>
          <p:nvPr/>
        </p:nvSpPr>
        <p:spPr>
          <a:xfrm>
            <a:off x="6273104" y="1035164"/>
            <a:ext cx="80638" cy="4818142"/>
          </a:xfrm>
          <a:prstGeom prst="rect">
            <a:avLst/>
          </a:prstGeom>
          <a:solidFill>
            <a:schemeClr val="tx1"/>
          </a:solidFill>
          <a:ln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1026" name="Picture 2" descr="Danmarks Domstole">
            <a:extLst>
              <a:ext uri="{FF2B5EF4-FFF2-40B4-BE49-F238E27FC236}">
                <a16:creationId xmlns:a16="http://schemas.microsoft.com/office/drawing/2014/main" id="{BF44F79D-F23B-5768-E2AE-0B2DD2399F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85882" y="1859985"/>
            <a:ext cx="908354" cy="7303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051EDAD6-55F1-CCF1-A1B2-C07B684AAA2D}"/>
              </a:ext>
            </a:extLst>
          </p:cNvPr>
          <p:cNvSpPr/>
          <p:nvPr/>
        </p:nvSpPr>
        <p:spPr>
          <a:xfrm>
            <a:off x="7737594" y="2752914"/>
            <a:ext cx="163208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 dirty="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5D9BBDF-D13D-B225-413E-9E1C94969408}"/>
              </a:ext>
            </a:extLst>
          </p:cNvPr>
          <p:cNvSpPr txBox="1"/>
          <p:nvPr/>
        </p:nvSpPr>
        <p:spPr>
          <a:xfrm>
            <a:off x="7894211" y="2851514"/>
            <a:ext cx="1632088" cy="3111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391" b="1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HØJESTERET</a:t>
            </a:r>
            <a:endParaRPr lang="da-DK" sz="1350" b="1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6CF3FA7-1EFF-A5DD-C0C5-58DB242A08F7}"/>
              </a:ext>
            </a:extLst>
          </p:cNvPr>
          <p:cNvSpPr/>
          <p:nvPr/>
        </p:nvSpPr>
        <p:spPr>
          <a:xfrm>
            <a:off x="6989533" y="3632781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4024486-0BFF-58BD-F756-8D0583DEDE57}"/>
              </a:ext>
            </a:extLst>
          </p:cNvPr>
          <p:cNvSpPr/>
          <p:nvPr/>
        </p:nvSpPr>
        <p:spPr>
          <a:xfrm>
            <a:off x="8667933" y="3632781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2CB4D8D-027B-C184-ECFD-62660B47A092}"/>
              </a:ext>
            </a:extLst>
          </p:cNvPr>
          <p:cNvSpPr txBox="1"/>
          <p:nvPr/>
        </p:nvSpPr>
        <p:spPr>
          <a:xfrm>
            <a:off x="7182118" y="3632781"/>
            <a:ext cx="1110953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ØSTRE</a:t>
            </a:r>
          </a:p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ANDSRET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0939F23C-3662-72CB-8CC5-9BE334CD00F0}"/>
              </a:ext>
            </a:extLst>
          </p:cNvPr>
          <p:cNvSpPr/>
          <p:nvPr/>
        </p:nvSpPr>
        <p:spPr>
          <a:xfrm>
            <a:off x="7748266" y="4512647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706374">
              <a:spcAft>
                <a:spcPts val="600"/>
              </a:spcAft>
            </a:pPr>
            <a:r>
              <a:rPr lang="da-DK" sz="1391" b="1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YRETTERNE</a:t>
            </a:r>
            <a:endParaRPr lang="da-DK" sz="1350" b="1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C7EC71D-65DB-1475-3164-55B0988092DE}"/>
              </a:ext>
            </a:extLst>
          </p:cNvPr>
          <p:cNvSpPr txBox="1"/>
          <p:nvPr/>
        </p:nvSpPr>
        <p:spPr>
          <a:xfrm>
            <a:off x="8710257" y="3650645"/>
            <a:ext cx="1110953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VESTRE</a:t>
            </a:r>
          </a:p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ANDSRET</a:t>
            </a:r>
          </a:p>
        </p:txBody>
      </p:sp>
      <p:sp>
        <p:nvSpPr>
          <p:cNvPr id="14" name="Arrow: Right 13">
            <a:extLst>
              <a:ext uri="{FF2B5EF4-FFF2-40B4-BE49-F238E27FC236}">
                <a16:creationId xmlns:a16="http://schemas.microsoft.com/office/drawing/2014/main" id="{380B3232-41BA-E426-02E0-2C8C68DE84D0}"/>
              </a:ext>
            </a:extLst>
          </p:cNvPr>
          <p:cNvSpPr/>
          <p:nvPr/>
        </p:nvSpPr>
        <p:spPr>
          <a:xfrm>
            <a:off x="5154314" y="2851513"/>
            <a:ext cx="2006643" cy="976670"/>
          </a:xfrm>
          <a:prstGeom prst="rightArrow">
            <a:avLst/>
          </a:prstGeom>
          <a:solidFill>
            <a:schemeClr val="accent4">
              <a:lumMod val="60000"/>
              <a:lumOff val="4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CFEB6D0D-3ADE-0178-593D-7DE24F1232F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147699" y="2346695"/>
            <a:ext cx="2463308" cy="1633082"/>
          </a:xfrm>
          <a:prstGeom prst="rect">
            <a:avLst/>
          </a:prstGeom>
        </p:spPr>
      </p:pic>
      <p:pic>
        <p:nvPicPr>
          <p:cNvPr id="1030" name="Picture 6" descr="Hjemrejsestyrelsen">
            <a:extLst>
              <a:ext uri="{FF2B5EF4-FFF2-40B4-BE49-F238E27FC236}">
                <a16:creationId xmlns:a16="http://schemas.microsoft.com/office/drawing/2014/main" id="{18EC6EDB-D84D-CFCD-D35F-974B22C4E9F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44854" y="3404910"/>
            <a:ext cx="2002247" cy="11251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C6CAC064-0E34-03D3-4208-2EDDB7D1B3F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071171" y="1738392"/>
            <a:ext cx="973503" cy="973502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EA87C05-BC2A-9E23-D29C-082D67701541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084224" y="4602757"/>
            <a:ext cx="2077169" cy="757555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BF4DC66F-7C4B-DB40-996D-26D4CBCBB9B2}"/>
              </a:ext>
            </a:extLst>
          </p:cNvPr>
          <p:cNvSpPr txBox="1"/>
          <p:nvPr/>
        </p:nvSpPr>
        <p:spPr>
          <a:xfrm>
            <a:off x="3364778" y="5360311"/>
            <a:ext cx="2006643" cy="7457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Planklagenævnet</a:t>
            </a:r>
          </a:p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Miljø- og fødevareklagenævnet</a:t>
            </a:r>
          </a:p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Og mange flere nævn…</a:t>
            </a:r>
            <a:endParaRPr lang="da-DK" sz="1050">
              <a:solidFill>
                <a:srgbClr val="ED7D31">
                  <a:lumMod val="50000"/>
                </a:srgbClr>
              </a:solidFill>
              <a:latin typeface="Calibri" panose="020F0502020204030204"/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CB0EEB8B-3CD9-8D2E-C924-76707DA8D6D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795831" y="4239461"/>
            <a:ext cx="2186845" cy="400303"/>
          </a:xfrm>
          <a:prstGeom prst="rect">
            <a:avLst/>
          </a:prstGeom>
        </p:spPr>
      </p:pic>
      <p:sp>
        <p:nvSpPr>
          <p:cNvPr id="24" name="TextBox 23">
            <a:extLst>
              <a:ext uri="{FF2B5EF4-FFF2-40B4-BE49-F238E27FC236}">
                <a16:creationId xmlns:a16="http://schemas.microsoft.com/office/drawing/2014/main" id="{62213C9B-07E5-FC8C-3907-AB623CC0BE6B}"/>
              </a:ext>
            </a:extLst>
          </p:cNvPr>
          <p:cNvSpPr txBox="1"/>
          <p:nvPr/>
        </p:nvSpPr>
        <p:spPr>
          <a:xfrm>
            <a:off x="5246797" y="3184270"/>
            <a:ext cx="1774386" cy="3111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391">
                <a:solidFill>
                  <a:prstClr val="black"/>
                </a:solidFill>
                <a:latin typeface="Calibri" panose="020F0502020204030204"/>
              </a:rPr>
              <a:t>DOMSTOLSPRØVELSE</a:t>
            </a:r>
            <a:endParaRPr lang="da-DK" sz="135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503EBED-F53A-B96D-1792-4FA09CCD23E3}"/>
              </a:ext>
            </a:extLst>
          </p:cNvPr>
          <p:cNvSpPr txBox="1"/>
          <p:nvPr/>
        </p:nvSpPr>
        <p:spPr>
          <a:xfrm>
            <a:off x="2006601" y="672986"/>
            <a:ext cx="4166166" cy="87562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545" b="1" dirty="0">
                <a:solidFill>
                  <a:prstClr val="black"/>
                </a:solidFill>
                <a:latin typeface="Calibri" panose="020F0502020204030204"/>
              </a:rPr>
              <a:t>DET SAMLEDE PRØVELSESSYSTEM FOR KOMMUNALE AFGØRELSER </a:t>
            </a:r>
          </a:p>
          <a:p>
            <a:pPr defTabSz="685800">
              <a:spcAft>
                <a:spcPts val="600"/>
              </a:spcAft>
            </a:pPr>
            <a:endParaRPr lang="da-DK" sz="1500" b="1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0651649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10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2" dur="10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1000" fill="hold"/>
                                        <p:tgtEl>
                                          <p:spTgt spid="2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2" fill="hold">
                      <p:stCondLst>
                        <p:cond delay="indefinite"/>
                      </p:stCondLst>
                      <p:childTnLst>
                        <p:par>
                          <p:cTn id="43" fill="hold">
                            <p:stCondLst>
                              <p:cond delay="0"/>
                            </p:stCondLst>
                            <p:childTnLst>
                              <p:par>
                                <p:cTn id="44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0" fill="hold">
                      <p:stCondLst>
                        <p:cond delay="indefinite"/>
                      </p:stCondLst>
                      <p:childTnLst>
                        <p:par>
                          <p:cTn id="61" fill="hold">
                            <p:stCondLst>
                              <p:cond delay="0"/>
                            </p:stCondLst>
                            <p:childTnLst>
                              <p:par>
                                <p:cTn id="62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7" grpId="0" animBg="1"/>
      <p:bldP spid="7" grpId="0" animBg="1"/>
      <p:bldP spid="8" grpId="0"/>
      <p:bldP spid="9" grpId="0" animBg="1"/>
      <p:bldP spid="10" grpId="0" animBg="1"/>
      <p:bldP spid="11" grpId="0"/>
      <p:bldP spid="12" grpId="0" animBg="1"/>
      <p:bldP spid="13" grpId="0"/>
      <p:bldP spid="14" grpId="0" animBg="1"/>
      <p:bldP spid="18" grpId="0"/>
      <p:bldP spid="24" grpId="0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dirty="0"/>
              <a:t>Ankestyrelsens tre opgav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b="1" dirty="0"/>
          </a:p>
          <a:p>
            <a:r>
              <a:rPr lang="da-DK" b="1" dirty="0"/>
              <a:t>Rekurs</a:t>
            </a:r>
          </a:p>
          <a:p>
            <a:pPr marL="0" indent="0">
              <a:buNone/>
            </a:pPr>
            <a:endParaRPr lang="da-DK" b="1" dirty="0"/>
          </a:p>
          <a:p>
            <a:endParaRPr lang="da-DK" b="1" dirty="0"/>
          </a:p>
          <a:p>
            <a:r>
              <a:rPr lang="da-DK" b="1" dirty="0"/>
              <a:t>Egen drift kompetence </a:t>
            </a:r>
          </a:p>
          <a:p>
            <a:endParaRPr lang="da-DK" b="1" dirty="0"/>
          </a:p>
          <a:p>
            <a:endParaRPr lang="da-DK" b="1" dirty="0"/>
          </a:p>
          <a:p>
            <a:r>
              <a:rPr lang="da-DK" b="1" dirty="0"/>
              <a:t>Særlig rolle ved adoption uden samtykk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fontAlgn="base">
              <a:spcBef>
                <a:spcPct val="0"/>
              </a:spcBef>
              <a:spcAft>
                <a:spcPct val="0"/>
              </a:spcAft>
            </a:pPr>
            <a:fld id="{4A778A20-C4FB-4A5D-BA56-B6F7BCAF0113}" type="slidenum">
              <a:rPr lang="da-DK">
                <a:solidFill>
                  <a:srgbClr val="03428E"/>
                </a:solidFill>
                <a:latin typeface="AU Passata" pitchFamily="34" charset="0"/>
              </a:rPr>
              <a:pPr fontAlgn="base">
                <a:spcBef>
                  <a:spcPct val="0"/>
                </a:spcBef>
                <a:spcAft>
                  <a:spcPct val="0"/>
                </a:spcAft>
              </a:pPr>
              <a:t>13</a:t>
            </a:fld>
            <a:endParaRPr lang="da-DK">
              <a:solidFill>
                <a:srgbClr val="03428E"/>
              </a:solidFill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8716498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dirty="0"/>
              <a:t>Klagesager (</a:t>
            </a:r>
            <a:r>
              <a:rPr lang="da-DK" b="1" dirty="0">
                <a:solidFill>
                  <a:srgbClr val="FF0000"/>
                </a:solidFill>
              </a:rPr>
              <a:t>pligtsager</a:t>
            </a:r>
            <a:r>
              <a:rPr lang="da-DK" b="1" dirty="0"/>
              <a:t>)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000" b="1" dirty="0"/>
              <a:t>Hvad kan der klages over?</a:t>
            </a:r>
          </a:p>
          <a:p>
            <a:pPr lvl="1"/>
            <a:endParaRPr lang="da-DK" sz="1600" b="1" dirty="0"/>
          </a:p>
          <a:p>
            <a:pPr lvl="1"/>
            <a:r>
              <a:rPr lang="da-DK" sz="1600" b="1" dirty="0"/>
              <a:t>Kommunens afgørelser efter barnets lov</a:t>
            </a:r>
          </a:p>
          <a:p>
            <a:pPr lvl="1"/>
            <a:endParaRPr lang="da-DK" sz="1600" b="1" dirty="0"/>
          </a:p>
          <a:p>
            <a:pPr lvl="1"/>
            <a:r>
              <a:rPr lang="da-DK" sz="1600" b="1" dirty="0"/>
              <a:t>Børne- og ungeudvalgets afgørelser efter barnets lov (videre til byretten)</a:t>
            </a:r>
          </a:p>
          <a:p>
            <a:endParaRPr lang="da-DK" sz="2000" b="1" dirty="0"/>
          </a:p>
          <a:p>
            <a:endParaRPr lang="da-DK" sz="2000" b="1" dirty="0"/>
          </a:p>
          <a:p>
            <a:r>
              <a:rPr lang="da-DK" sz="2000" b="1" dirty="0"/>
              <a:t>Hvem kan klage?</a:t>
            </a:r>
          </a:p>
          <a:p>
            <a:pPr lvl="1"/>
            <a:endParaRPr lang="da-DK" sz="1200" b="1" dirty="0"/>
          </a:p>
          <a:p>
            <a:pPr lvl="1"/>
            <a:r>
              <a:rPr lang="da-DK" sz="1600" b="1" dirty="0"/>
              <a:t>Forældremyndighedsindehaveren (kommende forældre)</a:t>
            </a:r>
          </a:p>
          <a:p>
            <a:pPr lvl="1"/>
            <a:endParaRPr lang="da-DK" sz="1600" b="1" dirty="0"/>
          </a:p>
          <a:p>
            <a:pPr lvl="1"/>
            <a:r>
              <a:rPr lang="da-DK" sz="1600" b="1" dirty="0"/>
              <a:t>Barnet </a:t>
            </a:r>
          </a:p>
          <a:p>
            <a:pPr lvl="1"/>
            <a:endParaRPr lang="da-DK" sz="1600" b="1" dirty="0"/>
          </a:p>
          <a:p>
            <a:pPr lvl="1"/>
            <a:r>
              <a:rPr lang="da-DK" sz="1600" b="1"/>
              <a:t>Andre </a:t>
            </a:r>
            <a:endParaRPr lang="da-DK" sz="1600" b="1" dirty="0"/>
          </a:p>
          <a:p>
            <a:pPr marL="0" indent="0">
              <a:buNone/>
            </a:pPr>
            <a:endParaRPr lang="da-DK" sz="2000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fontAlgn="base">
              <a:spcBef>
                <a:spcPct val="0"/>
              </a:spcBef>
              <a:spcAft>
                <a:spcPct val="0"/>
              </a:spcAft>
            </a:pPr>
            <a:fld id="{4A778A20-C4FB-4A5D-BA56-B6F7BCAF0113}" type="slidenum">
              <a:rPr lang="da-DK">
                <a:solidFill>
                  <a:srgbClr val="03428E"/>
                </a:solidFill>
                <a:latin typeface="AU Passata" pitchFamily="34" charset="0"/>
              </a:rPr>
              <a:pPr fontAlgn="base">
                <a:spcBef>
                  <a:spcPct val="0"/>
                </a:spcBef>
                <a:spcAft>
                  <a:spcPct val="0"/>
                </a:spcAft>
              </a:pPr>
              <a:t>14</a:t>
            </a:fld>
            <a:endParaRPr lang="da-DK">
              <a:solidFill>
                <a:srgbClr val="03428E"/>
              </a:solidFill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8029201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dirty="0"/>
              <a:t>klagesag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da-DK" sz="2000" b="1" dirty="0"/>
          </a:p>
          <a:p>
            <a:pPr marL="0" indent="0">
              <a:buNone/>
            </a:pPr>
            <a:endParaRPr lang="da-DK" sz="2000" b="1" dirty="0"/>
          </a:p>
          <a:p>
            <a:pPr marL="0" indent="0">
              <a:buNone/>
            </a:pPr>
            <a:endParaRPr lang="da-DK" sz="2000" b="1" dirty="0"/>
          </a:p>
          <a:p>
            <a:pPr marL="0" indent="0">
              <a:buNone/>
            </a:pPr>
            <a:endParaRPr lang="da-DK" sz="2000" b="1" dirty="0"/>
          </a:p>
          <a:p>
            <a:pPr marL="0" indent="0">
              <a:buNone/>
            </a:pPr>
            <a:endParaRPr lang="da-DK" sz="2000" b="1" dirty="0"/>
          </a:p>
          <a:p>
            <a:r>
              <a:rPr lang="da-DK" sz="2000" b="1" dirty="0"/>
              <a:t>Hvad vurderer Ankestyrelsen?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fontAlgn="base">
              <a:spcBef>
                <a:spcPct val="0"/>
              </a:spcBef>
              <a:spcAft>
                <a:spcPct val="0"/>
              </a:spcAft>
            </a:pPr>
            <a:fld id="{4A778A20-C4FB-4A5D-BA56-B6F7BCAF0113}" type="slidenum">
              <a:rPr lang="da-DK">
                <a:solidFill>
                  <a:srgbClr val="03428E"/>
                </a:solidFill>
                <a:latin typeface="AU Passata" pitchFamily="34" charset="0"/>
              </a:rPr>
              <a:pPr fontAlgn="base">
                <a:spcBef>
                  <a:spcPct val="0"/>
                </a:spcBef>
                <a:spcAft>
                  <a:spcPct val="0"/>
                </a:spcAft>
              </a:pPr>
              <a:t>15</a:t>
            </a:fld>
            <a:endParaRPr lang="da-DK">
              <a:solidFill>
                <a:srgbClr val="03428E"/>
              </a:solidFill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4884450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dirty="0"/>
              <a:t>Beføjelser, når der ikke er indgivet klag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600" b="1" dirty="0"/>
              <a:t>Ankestyrelsen </a:t>
            </a:r>
            <a:r>
              <a:rPr lang="da-DK" sz="1600" b="1" i="1" dirty="0">
                <a:solidFill>
                  <a:srgbClr val="FF0000"/>
                </a:solidFill>
              </a:rPr>
              <a:t>kan</a:t>
            </a:r>
            <a:r>
              <a:rPr lang="da-DK" sz="1600" b="1" dirty="0"/>
              <a:t> af egen drift tage børnesociale sager op </a:t>
            </a:r>
            <a:r>
              <a:rPr lang="da-DK" sz="1600" b="1" i="1" dirty="0">
                <a:solidFill>
                  <a:srgbClr val="FF0000"/>
                </a:solidFill>
              </a:rPr>
              <a:t>når det må antages</a:t>
            </a:r>
            <a:r>
              <a:rPr lang="da-DK" sz="1600" b="1" dirty="0"/>
              <a:t>, at kommunen i en konkret sag ikke har foretaget de fornødne sagsbehandlingsskridt eller ikke har truffet de fornødne afgørelser</a:t>
            </a:r>
          </a:p>
          <a:p>
            <a:endParaRPr lang="da-DK" sz="1600" b="1" dirty="0"/>
          </a:p>
          <a:p>
            <a:r>
              <a:rPr lang="da-DK" sz="1600" b="1" dirty="0"/>
              <a:t>Ankestyrelsen </a:t>
            </a:r>
            <a:r>
              <a:rPr lang="da-DK" sz="1600" b="1" i="1" dirty="0">
                <a:solidFill>
                  <a:srgbClr val="FF0000"/>
                </a:solidFill>
              </a:rPr>
              <a:t>kan</a:t>
            </a:r>
            <a:r>
              <a:rPr lang="da-DK" sz="1600" b="1" dirty="0"/>
              <a:t> pålægge kommunen at foretage de fornødne sagsbehandlingsskridt eller at træffe de fornødne afgørelser</a:t>
            </a:r>
          </a:p>
          <a:p>
            <a:endParaRPr lang="da-DK" sz="1600" b="1" dirty="0"/>
          </a:p>
          <a:p>
            <a:r>
              <a:rPr lang="da-DK" sz="1600" b="1" dirty="0"/>
              <a:t>Ankestyrelsen </a:t>
            </a:r>
            <a:r>
              <a:rPr lang="da-DK" sz="1600" b="1" i="1" dirty="0">
                <a:solidFill>
                  <a:srgbClr val="FF0000"/>
                </a:solidFill>
              </a:rPr>
              <a:t>kan</a:t>
            </a:r>
            <a:r>
              <a:rPr lang="da-DK" sz="1600" b="1" dirty="0"/>
              <a:t> træffe visse foreløbige afgørelser hvis der er behov herfor og kommunen undlader at iværksætte disse i fornødent omfang.</a:t>
            </a:r>
          </a:p>
          <a:p>
            <a:endParaRPr lang="da-DK" sz="1600" b="1" dirty="0"/>
          </a:p>
          <a:p>
            <a:r>
              <a:rPr lang="da-DK" sz="1600" b="1" dirty="0"/>
              <a:t>Ankestyrelsen </a:t>
            </a:r>
            <a:r>
              <a:rPr lang="da-DK" sz="1600" b="1" i="1" dirty="0">
                <a:solidFill>
                  <a:srgbClr val="FF0000"/>
                </a:solidFill>
              </a:rPr>
              <a:t>kan</a:t>
            </a:r>
            <a:r>
              <a:rPr lang="da-DK" sz="1600" b="1" dirty="0"/>
              <a:t> træffe afgørelse efter §§ 23, 40, 47, 61-63, 67, 104 og 105.</a:t>
            </a:r>
          </a:p>
          <a:p>
            <a:endParaRPr lang="da-DK" sz="1600" b="1" dirty="0"/>
          </a:p>
          <a:p>
            <a:r>
              <a:rPr lang="da-DK" sz="1600" b="1" dirty="0"/>
              <a:t>Ankestyrelsen </a:t>
            </a:r>
            <a:r>
              <a:rPr lang="da-DK" sz="1600" b="1" i="1" dirty="0">
                <a:solidFill>
                  <a:srgbClr val="FF0000"/>
                </a:solidFill>
              </a:rPr>
              <a:t>kan</a:t>
            </a:r>
            <a:r>
              <a:rPr lang="da-DK" sz="1600" b="1" dirty="0"/>
              <a:t> pålægge kommunalbestyrelsen at gennemføre en afgørelse og </a:t>
            </a:r>
            <a:r>
              <a:rPr lang="da-DK" sz="1600" b="1" i="1" dirty="0">
                <a:solidFill>
                  <a:srgbClr val="FF0000"/>
                </a:solidFill>
              </a:rPr>
              <a:t>kan</a:t>
            </a:r>
            <a:r>
              <a:rPr lang="da-DK" sz="1600" b="1" dirty="0"/>
              <a:t> bestemme, at afgørelsen skal gennemføres inden for en nærmere angivet tidsfrist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fontAlgn="base">
              <a:spcBef>
                <a:spcPct val="0"/>
              </a:spcBef>
              <a:spcAft>
                <a:spcPct val="0"/>
              </a:spcAft>
            </a:pPr>
            <a:fld id="{4A778A20-C4FB-4A5D-BA56-B6F7BCAF0113}" type="slidenum">
              <a:rPr lang="da-DK">
                <a:solidFill>
                  <a:srgbClr val="03428E"/>
                </a:solidFill>
                <a:latin typeface="AU Passata" pitchFamily="34" charset="0"/>
              </a:rPr>
              <a:pPr fontAlgn="base">
                <a:spcBef>
                  <a:spcPct val="0"/>
                </a:spcBef>
                <a:spcAft>
                  <a:spcPct val="0"/>
                </a:spcAft>
              </a:pPr>
              <a:t>16</a:t>
            </a:fld>
            <a:endParaRPr lang="da-DK" dirty="0">
              <a:solidFill>
                <a:srgbClr val="03428E"/>
              </a:solidFill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0217364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b="1" dirty="0"/>
              <a:t>Særligt om adoption uden samtykk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da-DK" b="1" dirty="0"/>
          </a:p>
          <a:p>
            <a:endParaRPr lang="da-DK" b="1" dirty="0"/>
          </a:p>
          <a:p>
            <a:r>
              <a:rPr lang="da-DK" b="1" dirty="0"/>
              <a:t>Sagen oplyses i kommunen</a:t>
            </a:r>
          </a:p>
          <a:p>
            <a:endParaRPr lang="da-DK" b="1" dirty="0"/>
          </a:p>
          <a:p>
            <a:endParaRPr lang="da-DK" b="1" dirty="0"/>
          </a:p>
          <a:p>
            <a:pPr marL="0" indent="0">
              <a:buNone/>
            </a:pPr>
            <a:endParaRPr lang="da-DK" b="1" dirty="0"/>
          </a:p>
          <a:p>
            <a:r>
              <a:rPr lang="da-DK" b="1" dirty="0"/>
              <a:t>Sagen overbringes til børne- og ungeudvalget</a:t>
            </a:r>
          </a:p>
          <a:p>
            <a:endParaRPr lang="da-DK" b="1" dirty="0"/>
          </a:p>
          <a:p>
            <a:pPr marL="0" indent="0">
              <a:buNone/>
            </a:pPr>
            <a:endParaRPr lang="da-DK" b="1" dirty="0"/>
          </a:p>
          <a:p>
            <a:endParaRPr lang="da-DK" b="1" dirty="0"/>
          </a:p>
          <a:p>
            <a:r>
              <a:rPr lang="da-DK" b="1" dirty="0"/>
              <a:t>Afgørelsen træffes af Ankestyrelse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fontAlgn="base">
              <a:spcBef>
                <a:spcPct val="0"/>
              </a:spcBef>
              <a:spcAft>
                <a:spcPct val="0"/>
              </a:spcAft>
            </a:pPr>
            <a:fld id="{4A778A20-C4FB-4A5D-BA56-B6F7BCAF0113}" type="slidenum">
              <a:rPr lang="da-DK">
                <a:solidFill>
                  <a:srgbClr val="03428E"/>
                </a:solidFill>
                <a:latin typeface="AU Passata" pitchFamily="34" charset="0"/>
              </a:rPr>
              <a:pPr fontAlgn="base">
                <a:spcBef>
                  <a:spcPct val="0"/>
                </a:spcBef>
                <a:spcAft>
                  <a:spcPct val="0"/>
                </a:spcAft>
              </a:pPr>
              <a:t>17</a:t>
            </a:fld>
            <a:endParaRPr lang="da-DK">
              <a:solidFill>
                <a:srgbClr val="03428E"/>
              </a:solidFill>
              <a:latin typeface="AU Passata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42944845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0922EA4C-BE89-75D4-7D20-3F0472029A76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619" b="5580"/>
          <a:stretch/>
        </p:blipFill>
        <p:spPr>
          <a:xfrm>
            <a:off x="1524015" y="857258"/>
            <a:ext cx="3477920" cy="5143493"/>
          </a:xfrm>
          <a:prstGeom prst="rect">
            <a:avLst/>
          </a:prstGeom>
        </p:spPr>
      </p:pic>
      <p:sp>
        <p:nvSpPr>
          <p:cNvPr id="12" name="Rectangle 11">
            <a:extLst>
              <a:ext uri="{FF2B5EF4-FFF2-40B4-BE49-F238E27FC236}">
                <a16:creationId xmlns:a16="http://schemas.microsoft.com/office/drawing/2014/main" id="{B9951BD9-0868-4CDB-ACD6-9C4209B5E41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 bwMode="white">
          <a:xfrm>
            <a:off x="5001935" y="857250"/>
            <a:ext cx="5666066" cy="5143500"/>
          </a:xfrm>
          <a:prstGeom prst="rect">
            <a:avLst/>
          </a:prstGeom>
          <a:solidFill>
            <a:schemeClr val="tx1">
              <a:lumMod val="85000"/>
              <a:lumOff val="1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B0DC28-F1F1-92B8-6889-F6F963B02D1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481998" y="1337311"/>
            <a:ext cx="4705943" cy="2513702"/>
          </a:xfrm>
        </p:spPr>
        <p:txBody>
          <a:bodyPr vert="horz" lIns="68580" tIns="34290" rIns="68580" bIns="34290" rtlCol="0" anchor="b" anchorCtr="0">
            <a:normAutofit/>
          </a:bodyPr>
          <a:lstStyle/>
          <a:p>
            <a:pPr>
              <a:lnSpc>
                <a:spcPct val="90000"/>
              </a:lnSpc>
            </a:pPr>
            <a:br>
              <a:rPr lang="en-US" sz="4500" i="1" dirty="0">
                <a:solidFill>
                  <a:schemeClr val="bg1"/>
                </a:solidFill>
              </a:rPr>
            </a:br>
            <a:r>
              <a:rPr lang="en-US" sz="4500" i="1" dirty="0">
                <a:solidFill>
                  <a:schemeClr val="bg1"/>
                </a:solidFill>
              </a:rPr>
              <a:t>The king can do no wrong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61CFB0A-DCF4-68B1-D247-8D9A95D6093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>
          <a:xfrm>
            <a:off x="5343831" y="5624513"/>
            <a:ext cx="3086100" cy="273844"/>
          </a:xfrm>
        </p:spPr>
        <p:txBody>
          <a:bodyPr vert="horz" lIns="68580" tIns="34290" rIns="68580" bIns="34290" rtlCol="0" anchor="ctr">
            <a:normAutofit/>
          </a:bodyPr>
          <a:lstStyle/>
          <a:p>
            <a:pPr algn="l" defTabSz="685800">
              <a:defRPr/>
            </a:pPr>
            <a:endParaRPr lang="en-US">
              <a:solidFill>
                <a:prstClr val="white">
                  <a:lumMod val="85000"/>
                </a:prstClr>
              </a:solidFill>
              <a:latin typeface="Calibri" panose="020F0502020204030204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2FFAA7A-06C0-5F78-4D98-7F33C3F365C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7981950" y="5624513"/>
            <a:ext cx="2057400" cy="273844"/>
          </a:xfrm>
        </p:spPr>
        <p:txBody>
          <a:bodyPr vert="horz" lIns="68580" tIns="34290" rIns="68580" bIns="34290" rtlCol="0" anchor="ctr">
            <a:normAutofit/>
          </a:bodyPr>
          <a:lstStyle/>
          <a:p>
            <a:pPr defTabSz="685800">
              <a:spcAft>
                <a:spcPts val="450"/>
              </a:spcAft>
              <a:defRPr/>
            </a:pPr>
            <a:fld id="{45D37B1E-C366-494F-A587-962AD9AABC83}" type="slidenum">
              <a:rPr lang="en-US">
                <a:solidFill>
                  <a:prstClr val="white">
                    <a:lumMod val="85000"/>
                  </a:prstClr>
                </a:solidFill>
                <a:latin typeface="Calibri" panose="020F0502020204030204"/>
              </a:rPr>
              <a:pPr defTabSz="685800">
                <a:spcAft>
                  <a:spcPts val="450"/>
                </a:spcAft>
                <a:defRPr/>
              </a:pPr>
              <a:t>2</a:t>
            </a:fld>
            <a:endParaRPr lang="en-US">
              <a:solidFill>
                <a:prstClr val="white">
                  <a:lumMod val="85000"/>
                </a:prstClr>
              </a:solidFill>
              <a:latin typeface="Calibri" panose="020F0502020204030204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388CA28-17E2-8D34-41B2-07C4D87EEE0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 defTabSz="685800">
              <a:spcAft>
                <a:spcPts val="450"/>
              </a:spcAft>
            </a:pPr>
            <a:fld id="{94EEB3C3-D56B-49D7-ABDF-A7E3753EF747}" type="datetime1">
              <a:rPr lang="da-DK">
                <a:latin typeface="Calibri" panose="020F0502020204030204"/>
              </a:rPr>
              <a:pPr defTabSz="685800">
                <a:spcAft>
                  <a:spcPts val="450"/>
                </a:spcAft>
              </a:pPr>
              <a:t>18-01-2024</a:t>
            </a:fld>
            <a:endParaRPr lang="da-DK"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55654708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C7FA33FF-088D-4F16-95A2-2C64D353DE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525143" y="857250"/>
            <a:ext cx="9141714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>
              <a:defRPr/>
            </a:pPr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A376EFB1-01CF-419F-ABF1-2AF02BBFCBD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524000" y="857250"/>
            <a:ext cx="3531870" cy="5143500"/>
          </a:xfrm>
          <a:prstGeom prst="rect">
            <a:avLst/>
          </a:prstGeom>
          <a:solidFill>
            <a:schemeClr val="tx1">
              <a:alpha val="81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>
              <a:defRPr/>
            </a:pPr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FF9DEA15-78BD-4750-AA18-B9F28A6D5AB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524001" y="857250"/>
            <a:ext cx="2463248" cy="5143500"/>
          </a:xfrm>
          <a:custGeom>
            <a:avLst/>
            <a:gdLst>
              <a:gd name="connsiteX0" fmla="*/ 0 w 4319042"/>
              <a:gd name="connsiteY0" fmla="*/ 0 h 6858000"/>
              <a:gd name="connsiteX1" fmla="*/ 1142888 w 4319042"/>
              <a:gd name="connsiteY1" fmla="*/ 0 h 6858000"/>
              <a:gd name="connsiteX2" fmla="*/ 4319042 w 4319042"/>
              <a:gd name="connsiteY2" fmla="*/ 6858000 h 6858000"/>
              <a:gd name="connsiteX3" fmla="*/ 0 w 4319042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4319042" h="6858000">
                <a:moveTo>
                  <a:pt x="0" y="0"/>
                </a:moveTo>
                <a:lnTo>
                  <a:pt x="1142888" y="0"/>
                </a:lnTo>
                <a:lnTo>
                  <a:pt x="4319042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tx1">
              <a:alpha val="3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 defTabSz="685800">
              <a:defRPr/>
            </a:pPr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2127504" y="1337310"/>
            <a:ext cx="2462022" cy="3943350"/>
          </a:xfrm>
        </p:spPr>
        <p:txBody>
          <a:bodyPr vert="horz" lIns="68580" tIns="34290" rIns="68580" bIns="34290" rtlCol="0" anchor="ctr" anchorCtr="0">
            <a:normAutofit/>
          </a:bodyPr>
          <a:lstStyle/>
          <a:p>
            <a:pPr>
              <a:lnSpc>
                <a:spcPct val="90000"/>
              </a:lnSpc>
            </a:pPr>
            <a:r>
              <a:rPr lang="en-US" sz="2775">
                <a:solidFill>
                  <a:schemeClr val="bg1"/>
                </a:solidFill>
              </a:rPr>
              <a:t>Grundlæggelsen af den vestlige retsstat 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/>
          </p:nvPr>
        </p:nvSpPr>
        <p:spPr>
          <a:xfrm>
            <a:off x="5199899" y="260648"/>
            <a:ext cx="5216581" cy="6480720"/>
          </a:xfrm>
        </p:spPr>
        <p:txBody>
          <a:bodyPr vert="horz" lIns="68580" tIns="34290" rIns="68580" bIns="34290" rtlCol="0" anchor="ctr">
            <a:normAutofit/>
          </a:bodyPr>
          <a:lstStyle/>
          <a:p>
            <a:pPr marL="0"/>
            <a:endParaRPr lang="en-US" sz="1125" b="1" dirty="0"/>
          </a:p>
          <a:p>
            <a:pPr marL="0" indent="0">
              <a:buNone/>
            </a:pPr>
            <a:r>
              <a:rPr lang="en-US" sz="1600" b="1" dirty="0" err="1"/>
              <a:t>Vestlige</a:t>
            </a:r>
            <a:r>
              <a:rPr lang="en-US" sz="1600" b="1" dirty="0"/>
              <a:t> stater var </a:t>
            </a:r>
            <a:r>
              <a:rPr lang="en-US" sz="1600" b="1" dirty="0" err="1"/>
              <a:t>oprindeligt</a:t>
            </a:r>
            <a:r>
              <a:rPr lang="en-US" sz="1600" b="1" dirty="0"/>
              <a:t> immune over for </a:t>
            </a:r>
            <a:r>
              <a:rPr lang="en-US" sz="1600" b="1" dirty="0" err="1"/>
              <a:t>søgsmål</a:t>
            </a:r>
            <a:r>
              <a:rPr lang="en-US" sz="1600" b="1" dirty="0"/>
              <a:t> </a:t>
            </a:r>
            <a:r>
              <a:rPr lang="en-US" sz="1600" b="1" dirty="0" err="1"/>
              <a:t>ved</a:t>
            </a:r>
            <a:r>
              <a:rPr lang="en-US" sz="1600" b="1" dirty="0"/>
              <a:t> </a:t>
            </a:r>
            <a:r>
              <a:rPr lang="en-US" sz="1600" b="1" dirty="0" err="1"/>
              <a:t>almindelige</a:t>
            </a:r>
            <a:r>
              <a:rPr lang="en-US" sz="1600" b="1" dirty="0"/>
              <a:t> </a:t>
            </a:r>
            <a:r>
              <a:rPr lang="en-US" sz="1600" b="1" dirty="0" err="1"/>
              <a:t>domstole</a:t>
            </a:r>
            <a:r>
              <a:rPr lang="en-US" sz="1600" b="1" dirty="0"/>
              <a:t>  </a:t>
            </a:r>
          </a:p>
          <a:p>
            <a:endParaRPr lang="en-US" sz="1600" b="1" i="1" dirty="0"/>
          </a:p>
          <a:p>
            <a:r>
              <a:rPr lang="en-US" sz="1600" b="1" i="1" dirty="0"/>
              <a:t>USA og England: </a:t>
            </a:r>
            <a:r>
              <a:rPr lang="en-US" sz="1600" i="1" dirty="0"/>
              <a:t>”The King can do no wrong” – </a:t>
            </a:r>
            <a:r>
              <a:rPr lang="en-US" sz="1600" i="1" dirty="0" err="1"/>
              <a:t>staten</a:t>
            </a:r>
            <a:r>
              <a:rPr lang="en-US" sz="1600" i="1" dirty="0"/>
              <a:t> </a:t>
            </a:r>
            <a:r>
              <a:rPr lang="en-US" sz="1600" i="1" dirty="0" err="1"/>
              <a:t>immun</a:t>
            </a:r>
            <a:r>
              <a:rPr lang="en-US" sz="1600" i="1" dirty="0"/>
              <a:t> over for </a:t>
            </a:r>
            <a:r>
              <a:rPr lang="en-US" sz="1600" i="1" dirty="0" err="1"/>
              <a:t>søgsmål</a:t>
            </a:r>
            <a:r>
              <a:rPr lang="en-US" sz="1600" i="1" dirty="0"/>
              <a:t> </a:t>
            </a:r>
            <a:r>
              <a:rPr lang="en-US" sz="1600" i="1" dirty="0" err="1"/>
              <a:t>medmindre</a:t>
            </a:r>
            <a:r>
              <a:rPr lang="en-US" sz="1600" i="1" dirty="0"/>
              <a:t> </a:t>
            </a:r>
            <a:r>
              <a:rPr lang="en-US" sz="1600" i="1" dirty="0" err="1"/>
              <a:t>andet</a:t>
            </a:r>
            <a:r>
              <a:rPr lang="en-US" sz="1600" i="1" dirty="0"/>
              <a:t> </a:t>
            </a:r>
            <a:r>
              <a:rPr lang="en-US" sz="1600" i="1" dirty="0" err="1"/>
              <a:t>følger</a:t>
            </a:r>
            <a:r>
              <a:rPr lang="en-US" sz="1600" i="1" dirty="0"/>
              <a:t> </a:t>
            </a:r>
            <a:r>
              <a:rPr lang="en-US" sz="1600" i="1" dirty="0" err="1"/>
              <a:t>af</a:t>
            </a:r>
            <a:r>
              <a:rPr lang="en-US" sz="1600" i="1" dirty="0"/>
              <a:t> </a:t>
            </a:r>
            <a:r>
              <a:rPr lang="en-US" sz="1600" i="1" dirty="0" err="1"/>
              <a:t>lov</a:t>
            </a:r>
            <a:endParaRPr lang="en-US" sz="1600" i="1" dirty="0"/>
          </a:p>
          <a:p>
            <a:endParaRPr lang="en-US" sz="1600" b="1" i="1" dirty="0"/>
          </a:p>
          <a:p>
            <a:r>
              <a:rPr lang="en-US" sz="1600" b="1" dirty="0" err="1"/>
              <a:t>Frankrig</a:t>
            </a:r>
            <a:r>
              <a:rPr lang="en-US" sz="1600" b="1" dirty="0"/>
              <a:t> og </a:t>
            </a:r>
            <a:r>
              <a:rPr lang="en-US" sz="1600" b="1" dirty="0" err="1"/>
              <a:t>Tyskland</a:t>
            </a:r>
            <a:r>
              <a:rPr lang="en-US" sz="1600" b="1" dirty="0"/>
              <a:t>:  </a:t>
            </a:r>
            <a:r>
              <a:rPr lang="en-US" sz="1600" dirty="0" err="1"/>
              <a:t>staten</a:t>
            </a:r>
            <a:r>
              <a:rPr lang="en-US" sz="1600" dirty="0"/>
              <a:t> var </a:t>
            </a:r>
            <a:r>
              <a:rPr lang="en-US" sz="1600" dirty="0" err="1"/>
              <a:t>immun</a:t>
            </a:r>
            <a:r>
              <a:rPr lang="en-US" sz="1600" dirty="0"/>
              <a:t> over for </a:t>
            </a:r>
            <a:r>
              <a:rPr lang="en-US" sz="1600" dirty="0" err="1"/>
              <a:t>søgsmål</a:t>
            </a:r>
            <a:r>
              <a:rPr lang="en-US" sz="1600" dirty="0"/>
              <a:t> </a:t>
            </a:r>
            <a:r>
              <a:rPr lang="en-US" sz="1600" dirty="0" err="1"/>
              <a:t>frem</a:t>
            </a:r>
            <a:r>
              <a:rPr lang="en-US" sz="1600" dirty="0"/>
              <a:t> til </a:t>
            </a:r>
            <a:r>
              <a:rPr lang="en-US" sz="1600" dirty="0" err="1"/>
              <a:t>begyndelsen</a:t>
            </a:r>
            <a:r>
              <a:rPr lang="en-US" sz="1600" dirty="0"/>
              <a:t> </a:t>
            </a:r>
            <a:r>
              <a:rPr lang="en-US" sz="1600" dirty="0" err="1"/>
              <a:t>af</a:t>
            </a:r>
            <a:r>
              <a:rPr lang="en-US" sz="1600" dirty="0"/>
              <a:t> det 19. </a:t>
            </a:r>
            <a:r>
              <a:rPr lang="en-US" sz="1600" dirty="0" err="1"/>
              <a:t>århundrede</a:t>
            </a:r>
            <a:r>
              <a:rPr lang="en-US" sz="1600" dirty="0"/>
              <a:t> – der </a:t>
            </a:r>
            <a:r>
              <a:rPr lang="en-US" sz="1600" dirty="0" err="1"/>
              <a:t>oprettes</a:t>
            </a:r>
            <a:r>
              <a:rPr lang="en-US" sz="1600" dirty="0"/>
              <a:t> i </a:t>
            </a:r>
            <a:r>
              <a:rPr lang="en-US" sz="1600" dirty="0" err="1"/>
              <a:t>løbet</a:t>
            </a:r>
            <a:r>
              <a:rPr lang="en-US" sz="1600" dirty="0"/>
              <a:t> </a:t>
            </a:r>
            <a:r>
              <a:rPr lang="en-US" sz="1600" dirty="0" err="1"/>
              <a:t>af</a:t>
            </a:r>
            <a:r>
              <a:rPr lang="en-US" sz="1600" dirty="0"/>
              <a:t> det 19. </a:t>
            </a:r>
            <a:r>
              <a:rPr lang="en-US" sz="1600" dirty="0" err="1"/>
              <a:t>århundrede</a:t>
            </a:r>
            <a:r>
              <a:rPr lang="en-US" sz="1600" dirty="0"/>
              <a:t> </a:t>
            </a:r>
            <a:r>
              <a:rPr lang="en-US" sz="1600" dirty="0" err="1"/>
              <a:t>forvaltningsdomstole</a:t>
            </a:r>
            <a:r>
              <a:rPr lang="en-US" sz="1600" dirty="0"/>
              <a:t>, </a:t>
            </a:r>
            <a:r>
              <a:rPr lang="en-US" sz="1600" dirty="0" err="1"/>
              <a:t>som</a:t>
            </a:r>
            <a:r>
              <a:rPr lang="en-US" sz="1600" dirty="0"/>
              <a:t> </a:t>
            </a:r>
            <a:r>
              <a:rPr lang="en-US" sz="1600" dirty="0" err="1"/>
              <a:t>behandler</a:t>
            </a:r>
            <a:r>
              <a:rPr lang="en-US" sz="1600" dirty="0"/>
              <a:t> </a:t>
            </a:r>
            <a:r>
              <a:rPr lang="en-US" sz="1600" dirty="0" err="1"/>
              <a:t>retssager</a:t>
            </a:r>
            <a:r>
              <a:rPr lang="en-US" sz="1600" dirty="0"/>
              <a:t> mod </a:t>
            </a:r>
            <a:r>
              <a:rPr lang="en-US" sz="1600" dirty="0" err="1"/>
              <a:t>staten</a:t>
            </a:r>
            <a:endParaRPr lang="en-US" sz="1600" dirty="0"/>
          </a:p>
          <a:p>
            <a:endParaRPr lang="en-US" sz="1600" b="1" dirty="0"/>
          </a:p>
          <a:p>
            <a:r>
              <a:rPr lang="en-US" sz="1600" b="1" dirty="0"/>
              <a:t>Sverige: </a:t>
            </a:r>
            <a:r>
              <a:rPr lang="en-US" sz="1600" dirty="0" err="1"/>
              <a:t>Kongen</a:t>
            </a:r>
            <a:r>
              <a:rPr lang="en-US" sz="1600" dirty="0"/>
              <a:t> i </a:t>
            </a:r>
            <a:r>
              <a:rPr lang="en-US" sz="1600" dirty="0" err="1"/>
              <a:t>vidt</a:t>
            </a:r>
            <a:r>
              <a:rPr lang="en-US" sz="1600" dirty="0"/>
              <a:t> </a:t>
            </a:r>
            <a:r>
              <a:rPr lang="en-US" sz="1600" dirty="0" err="1"/>
              <a:t>omfang</a:t>
            </a:r>
            <a:r>
              <a:rPr lang="en-US" sz="1600" dirty="0"/>
              <a:t> </a:t>
            </a:r>
            <a:r>
              <a:rPr lang="en-US" sz="1600" dirty="0" err="1"/>
              <a:t>immun</a:t>
            </a:r>
            <a:r>
              <a:rPr lang="en-US" sz="1600" dirty="0"/>
              <a:t> over for </a:t>
            </a:r>
            <a:r>
              <a:rPr lang="en-US" sz="1600" dirty="0" err="1"/>
              <a:t>søgsmål</a:t>
            </a:r>
            <a:r>
              <a:rPr lang="en-US" sz="1600" dirty="0"/>
              <a:t> </a:t>
            </a:r>
            <a:r>
              <a:rPr lang="en-US" sz="1600" dirty="0" err="1"/>
              <a:t>indtil</a:t>
            </a:r>
            <a:r>
              <a:rPr lang="en-US" sz="1600" dirty="0"/>
              <a:t> de </a:t>
            </a:r>
            <a:r>
              <a:rPr lang="en-US" sz="1600" dirty="0" err="1"/>
              <a:t>første</a:t>
            </a:r>
            <a:r>
              <a:rPr lang="en-US" sz="1600" dirty="0"/>
              <a:t> </a:t>
            </a:r>
            <a:r>
              <a:rPr lang="en-US" sz="1600" dirty="0" err="1"/>
              <a:t>forvaltningsdomstole</a:t>
            </a:r>
            <a:r>
              <a:rPr lang="en-US" sz="1600" dirty="0"/>
              <a:t> </a:t>
            </a:r>
            <a:r>
              <a:rPr lang="en-US" sz="1600" dirty="0" err="1"/>
              <a:t>oprettes</a:t>
            </a:r>
            <a:r>
              <a:rPr lang="en-US" sz="1600" dirty="0"/>
              <a:t> </a:t>
            </a:r>
            <a:r>
              <a:rPr lang="en-US" sz="1600" dirty="0" err="1"/>
              <a:t>fra</a:t>
            </a:r>
            <a:r>
              <a:rPr lang="en-US" sz="1600" dirty="0"/>
              <a:t> 1909. </a:t>
            </a:r>
          </a:p>
          <a:p>
            <a:endParaRPr lang="en-US" sz="1600" b="1" dirty="0"/>
          </a:p>
          <a:p>
            <a:r>
              <a:rPr lang="en-US" sz="1600" b="1" dirty="0" err="1"/>
              <a:t>Danmark</a:t>
            </a:r>
            <a:r>
              <a:rPr lang="en-US" sz="1600" b="1" dirty="0"/>
              <a:t>:</a:t>
            </a:r>
            <a:r>
              <a:rPr lang="en-US" sz="1600" dirty="0"/>
              <a:t> Den </a:t>
            </a:r>
            <a:r>
              <a:rPr lang="en-US" sz="1600" dirty="0" err="1"/>
              <a:t>enevældige</a:t>
            </a:r>
            <a:r>
              <a:rPr lang="en-US" sz="1600" dirty="0"/>
              <a:t> </a:t>
            </a:r>
            <a:r>
              <a:rPr lang="en-US" sz="1600" dirty="0" err="1"/>
              <a:t>konge</a:t>
            </a:r>
            <a:r>
              <a:rPr lang="en-US" sz="1600" dirty="0"/>
              <a:t> </a:t>
            </a:r>
            <a:r>
              <a:rPr lang="en-US" sz="1600" dirty="0" err="1"/>
              <a:t>immun</a:t>
            </a:r>
            <a:r>
              <a:rPr lang="en-US" sz="1600" dirty="0"/>
              <a:t> over for </a:t>
            </a:r>
            <a:r>
              <a:rPr lang="en-US" sz="1600" dirty="0" err="1"/>
              <a:t>søgsmål</a:t>
            </a:r>
            <a:r>
              <a:rPr lang="en-US" sz="1600" dirty="0"/>
              <a:t> om </a:t>
            </a:r>
            <a:r>
              <a:rPr lang="en-US" sz="1600" dirty="0" err="1"/>
              <a:t>forvaltningsakter</a:t>
            </a:r>
            <a:r>
              <a:rPr lang="en-US" sz="1600" dirty="0"/>
              <a:t> </a:t>
            </a:r>
            <a:r>
              <a:rPr lang="en-US" sz="1600" dirty="0" err="1"/>
              <a:t>indtil</a:t>
            </a:r>
            <a:r>
              <a:rPr lang="en-US" sz="1600" dirty="0"/>
              <a:t> 1849 (</a:t>
            </a:r>
            <a:r>
              <a:rPr lang="en-US" sz="1600" dirty="0" err="1"/>
              <a:t>magistratinstruksen</a:t>
            </a:r>
            <a:r>
              <a:rPr lang="en-US" sz="1600" dirty="0"/>
              <a:t> 1795) og sager om </a:t>
            </a:r>
            <a:r>
              <a:rPr lang="en-US" sz="1600" dirty="0" err="1"/>
              <a:t>offentligt</a:t>
            </a:r>
            <a:r>
              <a:rPr lang="en-US" sz="1600" dirty="0"/>
              <a:t> </a:t>
            </a:r>
            <a:r>
              <a:rPr lang="en-US" sz="1600" dirty="0" err="1"/>
              <a:t>erstatningsansvar</a:t>
            </a:r>
            <a:r>
              <a:rPr lang="en-US" sz="1600" dirty="0"/>
              <a:t> </a:t>
            </a:r>
            <a:r>
              <a:rPr lang="en-US" sz="1600" dirty="0" err="1"/>
              <a:t>udenfor</a:t>
            </a:r>
            <a:r>
              <a:rPr lang="en-US" sz="1600" dirty="0"/>
              <a:t> </a:t>
            </a:r>
            <a:r>
              <a:rPr lang="en-US" sz="1600" dirty="0" err="1"/>
              <a:t>kontrakt</a:t>
            </a:r>
            <a:r>
              <a:rPr lang="en-US" sz="1600" dirty="0"/>
              <a:t> (1828-reskriptet). </a:t>
            </a:r>
            <a:r>
              <a:rPr lang="en-US" sz="1600" dirty="0" err="1"/>
              <a:t>Kongen</a:t>
            </a:r>
            <a:r>
              <a:rPr lang="en-US" sz="1600" dirty="0"/>
              <a:t> </a:t>
            </a:r>
            <a:r>
              <a:rPr lang="en-US" sz="1600" dirty="0" err="1"/>
              <a:t>kunne</a:t>
            </a:r>
            <a:r>
              <a:rPr lang="en-US" sz="1600" dirty="0"/>
              <a:t> </a:t>
            </a:r>
            <a:r>
              <a:rPr lang="en-US" sz="1600" dirty="0" err="1"/>
              <a:t>normalt</a:t>
            </a:r>
            <a:r>
              <a:rPr lang="en-US" sz="1600" dirty="0"/>
              <a:t> </a:t>
            </a:r>
            <a:r>
              <a:rPr lang="en-US" sz="1600" dirty="0" err="1"/>
              <a:t>sagsøges</a:t>
            </a:r>
            <a:r>
              <a:rPr lang="en-US" sz="1600" dirty="0"/>
              <a:t> </a:t>
            </a:r>
            <a:r>
              <a:rPr lang="en-US" sz="1600" dirty="0" err="1"/>
              <a:t>ved</a:t>
            </a:r>
            <a:r>
              <a:rPr lang="en-US" sz="1600" dirty="0"/>
              <a:t> </a:t>
            </a:r>
            <a:r>
              <a:rPr lang="en-US" sz="1600" dirty="0" err="1"/>
              <a:t>domstolene</a:t>
            </a:r>
            <a:r>
              <a:rPr lang="en-US" sz="1600" dirty="0"/>
              <a:t> </a:t>
            </a:r>
            <a:r>
              <a:rPr lang="en-US" sz="1600" dirty="0" err="1"/>
              <a:t>som</a:t>
            </a:r>
            <a:r>
              <a:rPr lang="en-US" sz="1600" dirty="0"/>
              <a:t> part i et </a:t>
            </a:r>
            <a:r>
              <a:rPr lang="en-US" sz="1600" dirty="0" err="1"/>
              <a:t>privat</a:t>
            </a:r>
            <a:r>
              <a:rPr lang="en-US" sz="1600" dirty="0"/>
              <a:t> </a:t>
            </a:r>
            <a:r>
              <a:rPr lang="en-US" sz="1600" dirty="0" err="1"/>
              <a:t>retsforhold</a:t>
            </a:r>
            <a:r>
              <a:rPr lang="en-US" sz="1600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56383588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2" fill="hold">
                      <p:stCondLst>
                        <p:cond delay="indefinite"/>
                      </p:stCondLst>
                      <p:childTnLst>
                        <p:par>
                          <p:cTn id="13" fill="hold">
                            <p:stCondLst>
                              <p:cond delay="0"/>
                            </p:stCondLst>
                            <p:childTnLst>
                              <p:par>
                                <p:cTn id="14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2">
            <a:extLst>
              <a:ext uri="{FF2B5EF4-FFF2-40B4-BE49-F238E27FC236}">
                <a16:creationId xmlns:a16="http://schemas.microsoft.com/office/drawing/2014/main" id="{AFD3E519-BD52-48C4-8E3E-D443C55E899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31358" y="1885950"/>
            <a:ext cx="5447547" cy="3642980"/>
          </a:xfrm>
        </p:spPr>
        <p:txBody>
          <a:bodyPr vert="horz" lIns="38576" tIns="19289" rIns="38576" bIns="19289" rtlCol="0">
            <a:normAutofit/>
          </a:bodyPr>
          <a:lstStyle/>
          <a:p>
            <a:pPr marL="144661" indent="-96441">
              <a:buFont typeface="Arial" panose="020B0604020202020204" pitchFamily="34" charset="0"/>
              <a:buChar char="•"/>
            </a:pPr>
            <a:r>
              <a:rPr lang="en-US" sz="2400" dirty="0" err="1"/>
              <a:t>Frankrig</a:t>
            </a:r>
            <a:r>
              <a:rPr lang="en-US" sz="2400" dirty="0"/>
              <a:t>, Conseil </a:t>
            </a:r>
            <a:r>
              <a:rPr lang="en-US" sz="2400" dirty="0" err="1"/>
              <a:t>d’État</a:t>
            </a:r>
            <a:r>
              <a:rPr lang="en-US" sz="2400" dirty="0"/>
              <a:t>, </a:t>
            </a:r>
            <a:r>
              <a:rPr lang="en-US" sz="2400" dirty="0" err="1"/>
              <a:t>oprettes</a:t>
            </a:r>
            <a:r>
              <a:rPr lang="en-US" sz="2400" dirty="0"/>
              <a:t> 1799, </a:t>
            </a:r>
            <a:r>
              <a:rPr lang="en-US" sz="2400" dirty="0" err="1"/>
              <a:t>regulær</a:t>
            </a:r>
            <a:r>
              <a:rPr lang="en-US" sz="2400" dirty="0"/>
              <a:t> </a:t>
            </a:r>
            <a:r>
              <a:rPr lang="en-US" sz="2400" dirty="0" err="1"/>
              <a:t>forvaltningsdomstol</a:t>
            </a:r>
            <a:r>
              <a:rPr lang="en-US" sz="2400" dirty="0"/>
              <a:t> </a:t>
            </a:r>
            <a:r>
              <a:rPr lang="en-US" sz="2400" dirty="0" err="1"/>
              <a:t>fra</a:t>
            </a:r>
            <a:r>
              <a:rPr lang="en-US" sz="2400" dirty="0"/>
              <a:t> 1872</a:t>
            </a:r>
          </a:p>
          <a:p>
            <a:pPr marL="144661" indent="-96441">
              <a:buFont typeface="Arial" panose="020B0604020202020204" pitchFamily="34" charset="0"/>
              <a:buChar char="•"/>
            </a:pPr>
            <a:endParaRPr lang="en-US" sz="2400" dirty="0"/>
          </a:p>
          <a:p>
            <a:pPr marL="144661" indent="-96441">
              <a:buFont typeface="Arial" panose="020B0604020202020204" pitchFamily="34" charset="0"/>
              <a:buChar char="•"/>
            </a:pPr>
            <a:r>
              <a:rPr lang="en-US" sz="2400" dirty="0" err="1"/>
              <a:t>Tyskland</a:t>
            </a:r>
            <a:r>
              <a:rPr lang="en-US" sz="2400" dirty="0"/>
              <a:t>, </a:t>
            </a:r>
            <a:r>
              <a:rPr lang="en-US" sz="2400" dirty="0" err="1"/>
              <a:t>opretter</a:t>
            </a:r>
            <a:r>
              <a:rPr lang="en-US" sz="2400" dirty="0"/>
              <a:t> </a:t>
            </a:r>
            <a:r>
              <a:rPr lang="en-US" sz="2400" dirty="0" err="1"/>
              <a:t>første</a:t>
            </a:r>
            <a:r>
              <a:rPr lang="en-US" sz="2400" dirty="0"/>
              <a:t> </a:t>
            </a:r>
            <a:r>
              <a:rPr lang="en-US" sz="2400" dirty="0" err="1"/>
              <a:t>forvaltningsdomstol</a:t>
            </a:r>
            <a:r>
              <a:rPr lang="en-US" sz="2400" dirty="0"/>
              <a:t> i 1863 </a:t>
            </a:r>
          </a:p>
          <a:p>
            <a:pPr marL="144661" indent="-96441">
              <a:buFont typeface="Arial" panose="020B0604020202020204" pitchFamily="34" charset="0"/>
              <a:buChar char="•"/>
            </a:pPr>
            <a:endParaRPr lang="en-US" sz="2400" dirty="0"/>
          </a:p>
          <a:p>
            <a:pPr marL="144661" indent="-96441">
              <a:buFont typeface="Arial" panose="020B0604020202020204" pitchFamily="34" charset="0"/>
              <a:buChar char="•"/>
            </a:pPr>
            <a:r>
              <a:rPr lang="en-US" sz="2400" dirty="0"/>
              <a:t>Sverige, </a:t>
            </a:r>
            <a:r>
              <a:rPr lang="en-US" sz="2400" dirty="0" err="1"/>
              <a:t>Regeringsrätten</a:t>
            </a:r>
            <a:r>
              <a:rPr lang="en-US" sz="2400" dirty="0"/>
              <a:t> </a:t>
            </a:r>
            <a:r>
              <a:rPr lang="en-US" sz="2400" dirty="0" err="1"/>
              <a:t>oprettes</a:t>
            </a:r>
            <a:r>
              <a:rPr lang="en-US" sz="2400" dirty="0"/>
              <a:t> 1909 </a:t>
            </a:r>
          </a:p>
          <a:p>
            <a:pPr indent="-96441">
              <a:buFont typeface="Arial" panose="020B0604020202020204" pitchFamily="34" charset="0"/>
              <a:buChar char="•"/>
            </a:pPr>
            <a:endParaRPr lang="en-US" sz="675" dirty="0"/>
          </a:p>
        </p:txBody>
      </p:sp>
      <p:pic>
        <p:nvPicPr>
          <p:cNvPr id="13" name="Picture 1" descr="Wire links with nails">
            <a:extLst>
              <a:ext uri="{FF2B5EF4-FFF2-40B4-BE49-F238E27FC236}">
                <a16:creationId xmlns:a16="http://schemas.microsoft.com/office/drawing/2014/main" id="{87BCC660-B830-46F4-8A49-A527D1E7DBD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50739" r="4119"/>
          <a:stretch/>
        </p:blipFill>
        <p:spPr>
          <a:xfrm>
            <a:off x="7354033" y="1791575"/>
            <a:ext cx="1930409" cy="2907875"/>
          </a:xfrm>
          <a:custGeom>
            <a:avLst/>
            <a:gdLst/>
            <a:ahLst/>
            <a:cxnLst/>
            <a:rect l="l" t="t" r="r" b="b"/>
            <a:pathLst>
              <a:path w="4575785" h="6857999">
                <a:moveTo>
                  <a:pt x="517468" y="0"/>
                </a:moveTo>
                <a:lnTo>
                  <a:pt x="4575785" y="0"/>
                </a:lnTo>
                <a:lnTo>
                  <a:pt x="4575785" y="6857999"/>
                </a:lnTo>
                <a:lnTo>
                  <a:pt x="960511" y="6857999"/>
                </a:lnTo>
                <a:lnTo>
                  <a:pt x="942694" y="6843617"/>
                </a:lnTo>
                <a:cubicBezTo>
                  <a:pt x="964945" y="6792705"/>
                  <a:pt x="892574" y="6836929"/>
                  <a:pt x="865960" y="6827318"/>
                </a:cubicBezTo>
                <a:lnTo>
                  <a:pt x="861487" y="6823037"/>
                </a:lnTo>
                <a:lnTo>
                  <a:pt x="859513" y="6806858"/>
                </a:lnTo>
                <a:lnTo>
                  <a:pt x="860461" y="6800037"/>
                </a:lnTo>
                <a:cubicBezTo>
                  <a:pt x="860484" y="6795612"/>
                  <a:pt x="859691" y="6793024"/>
                  <a:pt x="858251" y="6791626"/>
                </a:cubicBezTo>
                <a:lnTo>
                  <a:pt x="857660" y="6791654"/>
                </a:lnTo>
                <a:lnTo>
                  <a:pt x="856643" y="6783314"/>
                </a:lnTo>
                <a:cubicBezTo>
                  <a:pt x="856157" y="6768705"/>
                  <a:pt x="856848" y="6753980"/>
                  <a:pt x="858459" y="6739543"/>
                </a:cubicBezTo>
                <a:cubicBezTo>
                  <a:pt x="825704" y="6742272"/>
                  <a:pt x="849542" y="6681110"/>
                  <a:pt x="794118" y="6710916"/>
                </a:cubicBezTo>
                <a:cubicBezTo>
                  <a:pt x="794610" y="6692179"/>
                  <a:pt x="815573" y="6671806"/>
                  <a:pt x="779817" y="6693690"/>
                </a:cubicBezTo>
                <a:cubicBezTo>
                  <a:pt x="778915" y="6687990"/>
                  <a:pt x="774885" y="6685995"/>
                  <a:pt x="769310" y="6685745"/>
                </a:cubicBezTo>
                <a:lnTo>
                  <a:pt x="766802" y="6686064"/>
                </a:lnTo>
                <a:cubicBezTo>
                  <a:pt x="767473" y="6672038"/>
                  <a:pt x="768145" y="6658011"/>
                  <a:pt x="768816" y="6643985"/>
                </a:cubicBezTo>
                <a:lnTo>
                  <a:pt x="764758" y="6640288"/>
                </a:lnTo>
                <a:lnTo>
                  <a:pt x="771603" y="6610439"/>
                </a:lnTo>
                <a:cubicBezTo>
                  <a:pt x="771799" y="6605729"/>
                  <a:pt x="776328" y="6505678"/>
                  <a:pt x="776524" y="6500968"/>
                </a:cubicBezTo>
                <a:lnTo>
                  <a:pt x="716862" y="6252242"/>
                </a:lnTo>
                <a:cubicBezTo>
                  <a:pt x="710358" y="6209033"/>
                  <a:pt x="712158" y="6177416"/>
                  <a:pt x="706006" y="6116988"/>
                </a:cubicBezTo>
                <a:cubicBezTo>
                  <a:pt x="664744" y="6009788"/>
                  <a:pt x="669134" y="5997889"/>
                  <a:pt x="675681" y="5921438"/>
                </a:cubicBezTo>
                <a:cubicBezTo>
                  <a:pt x="609567" y="5910253"/>
                  <a:pt x="667197" y="5880778"/>
                  <a:pt x="646967" y="5848021"/>
                </a:cubicBezTo>
                <a:cubicBezTo>
                  <a:pt x="633539" y="5819166"/>
                  <a:pt x="610193" y="5775630"/>
                  <a:pt x="595120" y="5722308"/>
                </a:cubicBezTo>
                <a:cubicBezTo>
                  <a:pt x="587517" y="5685814"/>
                  <a:pt x="566330" y="5564010"/>
                  <a:pt x="556522" y="5528087"/>
                </a:cubicBezTo>
                <a:cubicBezTo>
                  <a:pt x="551310" y="5519174"/>
                  <a:pt x="556171" y="5505252"/>
                  <a:pt x="536270" y="5506770"/>
                </a:cubicBezTo>
                <a:cubicBezTo>
                  <a:pt x="512052" y="5506489"/>
                  <a:pt x="543356" y="5459435"/>
                  <a:pt x="516612" y="5473320"/>
                </a:cubicBezTo>
                <a:cubicBezTo>
                  <a:pt x="537947" y="5440196"/>
                  <a:pt x="486731" y="5435838"/>
                  <a:pt x="471989" y="5418523"/>
                </a:cubicBezTo>
                <a:cubicBezTo>
                  <a:pt x="493820" y="5390817"/>
                  <a:pt x="454363" y="5377479"/>
                  <a:pt x="442299" y="5333204"/>
                </a:cubicBezTo>
                <a:cubicBezTo>
                  <a:pt x="467689" y="5302287"/>
                  <a:pt x="420786" y="5307848"/>
                  <a:pt x="452960" y="5255192"/>
                </a:cubicBezTo>
                <a:cubicBezTo>
                  <a:pt x="453300" y="5233631"/>
                  <a:pt x="429983" y="5195187"/>
                  <a:pt x="431339" y="5156169"/>
                </a:cubicBezTo>
                <a:cubicBezTo>
                  <a:pt x="398945" y="5067566"/>
                  <a:pt x="403718" y="5079988"/>
                  <a:pt x="404757" y="5025421"/>
                </a:cubicBezTo>
                <a:cubicBezTo>
                  <a:pt x="400018" y="4966103"/>
                  <a:pt x="402758" y="4976631"/>
                  <a:pt x="395660" y="4924394"/>
                </a:cubicBezTo>
                <a:cubicBezTo>
                  <a:pt x="383838" y="4897752"/>
                  <a:pt x="406451" y="4876973"/>
                  <a:pt x="390158" y="4861232"/>
                </a:cubicBezTo>
                <a:cubicBezTo>
                  <a:pt x="362582" y="4877952"/>
                  <a:pt x="368360" y="4813711"/>
                  <a:pt x="341238" y="4838615"/>
                </a:cubicBezTo>
                <a:cubicBezTo>
                  <a:pt x="311503" y="4831441"/>
                  <a:pt x="352577" y="4804970"/>
                  <a:pt x="326273" y="4796524"/>
                </a:cubicBezTo>
                <a:lnTo>
                  <a:pt x="284996" y="4672372"/>
                </a:lnTo>
                <a:cubicBezTo>
                  <a:pt x="298118" y="4649489"/>
                  <a:pt x="287003" y="4640074"/>
                  <a:pt x="267970" y="4634255"/>
                </a:cubicBezTo>
                <a:cubicBezTo>
                  <a:pt x="263754" y="4595383"/>
                  <a:pt x="222766" y="4593405"/>
                  <a:pt x="203275" y="4555830"/>
                </a:cubicBezTo>
                <a:cubicBezTo>
                  <a:pt x="181514" y="4524570"/>
                  <a:pt x="154438" y="4520149"/>
                  <a:pt x="133797" y="4479914"/>
                </a:cubicBezTo>
                <a:cubicBezTo>
                  <a:pt x="124082" y="4457346"/>
                  <a:pt x="105185" y="4427564"/>
                  <a:pt x="84156" y="4415916"/>
                </a:cubicBezTo>
                <a:lnTo>
                  <a:pt x="83303" y="4414752"/>
                </a:lnTo>
                <a:lnTo>
                  <a:pt x="72062" y="4388525"/>
                </a:lnTo>
                <a:lnTo>
                  <a:pt x="75315" y="4375182"/>
                </a:lnTo>
                <a:cubicBezTo>
                  <a:pt x="75941" y="4370194"/>
                  <a:pt x="75530" y="4367154"/>
                  <a:pt x="74333" y="4365355"/>
                </a:cubicBezTo>
                <a:lnTo>
                  <a:pt x="68893" y="4364787"/>
                </a:lnTo>
                <a:cubicBezTo>
                  <a:pt x="68887" y="4364737"/>
                  <a:pt x="68881" y="4364686"/>
                  <a:pt x="68875" y="4364636"/>
                </a:cubicBezTo>
                <a:cubicBezTo>
                  <a:pt x="68620" y="4351507"/>
                  <a:pt x="69309" y="4337030"/>
                  <a:pt x="58168" y="4323582"/>
                </a:cubicBezTo>
                <a:cubicBezTo>
                  <a:pt x="61811" y="4263350"/>
                  <a:pt x="99263" y="4233013"/>
                  <a:pt x="79972" y="4208494"/>
                </a:cubicBezTo>
                <a:cubicBezTo>
                  <a:pt x="88758" y="4180446"/>
                  <a:pt x="125844" y="4152085"/>
                  <a:pt x="106280" y="4120638"/>
                </a:cubicBezTo>
                <a:cubicBezTo>
                  <a:pt x="111598" y="4121936"/>
                  <a:pt x="113804" y="4120147"/>
                  <a:pt x="114398" y="4116558"/>
                </a:cubicBezTo>
                <a:cubicBezTo>
                  <a:pt x="114157" y="4114248"/>
                  <a:pt x="113917" y="4111937"/>
                  <a:pt x="113677" y="4109627"/>
                </a:cubicBezTo>
                <a:lnTo>
                  <a:pt x="105699" y="4105626"/>
                </a:lnTo>
                <a:cubicBezTo>
                  <a:pt x="77890" y="4088880"/>
                  <a:pt x="108987" y="4082598"/>
                  <a:pt x="106408" y="4051443"/>
                </a:cubicBezTo>
                <a:cubicBezTo>
                  <a:pt x="106858" y="4036630"/>
                  <a:pt x="97032" y="3985550"/>
                  <a:pt x="103822" y="3988496"/>
                </a:cubicBezTo>
                <a:lnTo>
                  <a:pt x="75372" y="3857059"/>
                </a:lnTo>
                <a:cubicBezTo>
                  <a:pt x="82817" y="3836376"/>
                  <a:pt x="81742" y="3824520"/>
                  <a:pt x="64937" y="3815652"/>
                </a:cubicBezTo>
                <a:cubicBezTo>
                  <a:pt x="102287" y="3718925"/>
                  <a:pt x="55573" y="3772320"/>
                  <a:pt x="59080" y="3696747"/>
                </a:cubicBezTo>
                <a:cubicBezTo>
                  <a:pt x="66269" y="3629648"/>
                  <a:pt x="63240" y="3571908"/>
                  <a:pt x="85623" y="3491441"/>
                </a:cubicBezTo>
                <a:cubicBezTo>
                  <a:pt x="98410" y="3474059"/>
                  <a:pt x="99525" y="3431012"/>
                  <a:pt x="100691" y="3417526"/>
                </a:cubicBezTo>
                <a:cubicBezTo>
                  <a:pt x="101857" y="3404040"/>
                  <a:pt x="95556" y="3412369"/>
                  <a:pt x="92620" y="3410525"/>
                </a:cubicBezTo>
                <a:cubicBezTo>
                  <a:pt x="92153" y="3374230"/>
                  <a:pt x="83244" y="3285268"/>
                  <a:pt x="79737" y="3235496"/>
                </a:cubicBezTo>
                <a:cubicBezTo>
                  <a:pt x="70953" y="3207448"/>
                  <a:pt x="52012" y="3143347"/>
                  <a:pt x="71576" y="3111898"/>
                </a:cubicBezTo>
                <a:cubicBezTo>
                  <a:pt x="66408" y="3077014"/>
                  <a:pt x="53542" y="3056489"/>
                  <a:pt x="48725" y="3026189"/>
                </a:cubicBezTo>
                <a:cubicBezTo>
                  <a:pt x="35029" y="3013335"/>
                  <a:pt x="35295" y="2950066"/>
                  <a:pt x="42673" y="2930099"/>
                </a:cubicBezTo>
                <a:cubicBezTo>
                  <a:pt x="72765" y="2876461"/>
                  <a:pt x="20837" y="2811743"/>
                  <a:pt x="43260" y="2768401"/>
                </a:cubicBezTo>
                <a:cubicBezTo>
                  <a:pt x="44784" y="2755816"/>
                  <a:pt x="43709" y="2744724"/>
                  <a:pt x="41022" y="2734617"/>
                </a:cubicBezTo>
                <a:lnTo>
                  <a:pt x="29707" y="2708118"/>
                </a:lnTo>
                <a:lnTo>
                  <a:pt x="18896" y="2704187"/>
                </a:lnTo>
                <a:lnTo>
                  <a:pt x="16157" y="2686013"/>
                </a:lnTo>
                <a:lnTo>
                  <a:pt x="0" y="2656506"/>
                </a:lnTo>
                <a:cubicBezTo>
                  <a:pt x="46275" y="2648213"/>
                  <a:pt x="-21852" y="2580542"/>
                  <a:pt x="20000" y="2589495"/>
                </a:cubicBezTo>
                <a:cubicBezTo>
                  <a:pt x="9004" y="2539865"/>
                  <a:pt x="51725" y="2561406"/>
                  <a:pt x="4503" y="2517909"/>
                </a:cubicBezTo>
                <a:cubicBezTo>
                  <a:pt x="18312" y="2426183"/>
                  <a:pt x="2043" y="2320005"/>
                  <a:pt x="38580" y="2235940"/>
                </a:cubicBezTo>
                <a:cubicBezTo>
                  <a:pt x="39530" y="2131535"/>
                  <a:pt x="31342" y="1983035"/>
                  <a:pt x="28357" y="1891475"/>
                </a:cubicBezTo>
                <a:cubicBezTo>
                  <a:pt x="18536" y="1816240"/>
                  <a:pt x="53985" y="1820215"/>
                  <a:pt x="16422" y="1754299"/>
                </a:cubicBezTo>
                <a:cubicBezTo>
                  <a:pt x="22523" y="1748800"/>
                  <a:pt x="14115" y="1712020"/>
                  <a:pt x="17619" y="1704948"/>
                </a:cubicBezTo>
                <a:lnTo>
                  <a:pt x="11875" y="1640075"/>
                </a:lnTo>
                <a:lnTo>
                  <a:pt x="10148" y="1637400"/>
                </a:lnTo>
                <a:cubicBezTo>
                  <a:pt x="6571" y="1625366"/>
                  <a:pt x="7662" y="1617809"/>
                  <a:pt x="10809" y="1612250"/>
                </a:cubicBezTo>
                <a:lnTo>
                  <a:pt x="30710" y="1498099"/>
                </a:lnTo>
                <a:lnTo>
                  <a:pt x="28832" y="1497366"/>
                </a:lnTo>
                <a:lnTo>
                  <a:pt x="25420" y="1490044"/>
                </a:lnTo>
                <a:lnTo>
                  <a:pt x="36357" y="1429750"/>
                </a:lnTo>
                <a:cubicBezTo>
                  <a:pt x="56105" y="1395764"/>
                  <a:pt x="51096" y="1348657"/>
                  <a:pt x="63323" y="1316453"/>
                </a:cubicBezTo>
                <a:cubicBezTo>
                  <a:pt x="113953" y="1206017"/>
                  <a:pt x="97314" y="1160971"/>
                  <a:pt x="167299" y="1100758"/>
                </a:cubicBezTo>
                <a:cubicBezTo>
                  <a:pt x="183322" y="1066821"/>
                  <a:pt x="207320" y="1013057"/>
                  <a:pt x="218971" y="997428"/>
                </a:cubicBezTo>
                <a:cubicBezTo>
                  <a:pt x="225661" y="983599"/>
                  <a:pt x="245059" y="996998"/>
                  <a:pt x="249304" y="969068"/>
                </a:cubicBezTo>
                <a:cubicBezTo>
                  <a:pt x="273910" y="912445"/>
                  <a:pt x="257335" y="876944"/>
                  <a:pt x="307518" y="815816"/>
                </a:cubicBezTo>
                <a:cubicBezTo>
                  <a:pt x="319844" y="734499"/>
                  <a:pt x="427269" y="648257"/>
                  <a:pt x="438631" y="588216"/>
                </a:cubicBezTo>
                <a:cubicBezTo>
                  <a:pt x="468336" y="534577"/>
                  <a:pt x="480025" y="521047"/>
                  <a:pt x="494548" y="466832"/>
                </a:cubicBezTo>
                <a:cubicBezTo>
                  <a:pt x="513994" y="444023"/>
                  <a:pt x="469014" y="421695"/>
                  <a:pt x="512985" y="406165"/>
                </a:cubicBezTo>
                <a:cubicBezTo>
                  <a:pt x="519819" y="312467"/>
                  <a:pt x="496295" y="285415"/>
                  <a:pt x="499246" y="226337"/>
                </a:cubicBezTo>
                <a:cubicBezTo>
                  <a:pt x="511217" y="180655"/>
                  <a:pt x="525793" y="85726"/>
                  <a:pt x="530694" y="51692"/>
                </a:cubicBezTo>
                <a:cubicBezTo>
                  <a:pt x="512001" y="39736"/>
                  <a:pt x="522977" y="34428"/>
                  <a:pt x="528655" y="22135"/>
                </a:cubicBezTo>
                <a:cubicBezTo>
                  <a:pt x="511506" y="14446"/>
                  <a:pt x="513258" y="7722"/>
                  <a:pt x="516964" y="1039"/>
                </a:cubicBezTo>
                <a:close/>
              </a:path>
            </a:pathLst>
          </a:cu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BFD5B3B2-0B6E-26AD-04D3-941C7A97B66C}"/>
              </a:ext>
            </a:extLst>
          </p:cNvPr>
          <p:cNvSpPr txBox="1"/>
          <p:nvPr/>
        </p:nvSpPr>
        <p:spPr>
          <a:xfrm>
            <a:off x="478465" y="361507"/>
            <a:ext cx="10069033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2800" b="1" dirty="0"/>
              <a:t>Den moderne retsstat er skabt på bekostning af den immune stat</a:t>
            </a:r>
          </a:p>
        </p:txBody>
      </p:sp>
    </p:spTree>
    <p:extLst>
      <p:ext uri="{BB962C8B-B14F-4D97-AF65-F5344CB8AC3E}">
        <p14:creationId xmlns:p14="http://schemas.microsoft.com/office/powerpoint/2010/main" val="5937020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5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700"/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15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700"/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15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700"/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build="p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2" name="Rectangle 21">
            <a:extLst>
              <a:ext uri="{FF2B5EF4-FFF2-40B4-BE49-F238E27FC236}">
                <a16:creationId xmlns:a16="http://schemas.microsoft.com/office/drawing/2014/main" id="{6C4028FD-8BAA-4A19-BFDE-594D991B75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523999" y="857250"/>
            <a:ext cx="9141714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2608BA0-F336-4A03-B3DA-C7357457C10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2650" y="1274997"/>
            <a:ext cx="7886700" cy="850270"/>
          </a:xfrm>
        </p:spPr>
        <p:txBody>
          <a:bodyPr>
            <a:normAutofit/>
          </a:bodyPr>
          <a:lstStyle/>
          <a:p>
            <a:r>
              <a:rPr lang="da-DK" sz="2700" b="1"/>
              <a:t>Hvorfor kom forvaltningsdomstole ikke ind i retsplejeloven? </a:t>
            </a:r>
          </a:p>
        </p:txBody>
      </p:sp>
      <p:graphicFrame>
        <p:nvGraphicFramePr>
          <p:cNvPr id="17" name="Content Placeholder 2">
            <a:extLst>
              <a:ext uri="{FF2B5EF4-FFF2-40B4-BE49-F238E27FC236}">
                <a16:creationId xmlns:a16="http://schemas.microsoft.com/office/drawing/2014/main" id="{5C6B6894-BE44-4B09-8B64-6817E179703A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206094716"/>
              </p:ext>
            </p:extLst>
          </p:nvPr>
        </p:nvGraphicFramePr>
        <p:xfrm>
          <a:off x="2152650" y="2226469"/>
          <a:ext cx="7886700" cy="326350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00167634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1B15ED52-F352-441B-82BF-E0EA34836D0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524000" y="857250"/>
            <a:ext cx="9144000" cy="51435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3B2E3793-BFE6-45A2-9B7B-E18844431C9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524000" y="857250"/>
            <a:ext cx="9143999" cy="1193057"/>
          </a:xfrm>
          <a:prstGeom prst="rect">
            <a:avLst/>
          </a:prstGeom>
          <a:gradFill>
            <a:gsLst>
              <a:gs pos="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BC4C4868-CB8F-4AF9-9CDB-8108F2C19B6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1523997" y="857251"/>
            <a:ext cx="6086480" cy="1193057"/>
          </a:xfrm>
          <a:prstGeom prst="rect">
            <a:avLst/>
          </a:prstGeom>
          <a:gradFill>
            <a:gsLst>
              <a:gs pos="20000">
                <a:schemeClr val="accent1">
                  <a:alpha val="0"/>
                </a:schemeClr>
              </a:gs>
              <a:gs pos="100000">
                <a:schemeClr val="accent1">
                  <a:lumMod val="50000"/>
                  <a:alpha val="5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375E0459-6403-40CD-989D-56A4407CA12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7610474" y="857250"/>
            <a:ext cx="3057524" cy="1193057"/>
          </a:xfrm>
          <a:prstGeom prst="rect">
            <a:avLst/>
          </a:prstGeom>
          <a:gradFill>
            <a:gsLst>
              <a:gs pos="0">
                <a:schemeClr val="accent1">
                  <a:alpha val="66000"/>
                </a:schemeClr>
              </a:gs>
              <a:gs pos="100000">
                <a:srgbClr val="000000">
                  <a:alpha val="30000"/>
                </a:srgbClr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3E5B1A8-3AC9-4BD1-9BBC-78CA94F2D1B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868513" y="857251"/>
            <a:ext cx="8799485" cy="1198075"/>
          </a:xfrm>
          <a:prstGeom prst="rect">
            <a:avLst/>
          </a:prstGeom>
          <a:gradFill>
            <a:gsLst>
              <a:gs pos="50000">
                <a:srgbClr val="000000">
                  <a:alpha val="0"/>
                </a:srgbClr>
              </a:gs>
              <a:gs pos="99000">
                <a:schemeClr val="accent1">
                  <a:lumMod val="50000"/>
                  <a:alpha val="52000"/>
                </a:schemeClr>
              </a:gs>
            </a:gsLst>
            <a:lin ang="16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3583B7-5921-4C3E-9775-B881898660F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552701" y="1078154"/>
            <a:ext cx="7421963" cy="775252"/>
          </a:xfrm>
        </p:spPr>
        <p:txBody>
          <a:bodyPr>
            <a:normAutofit/>
          </a:bodyPr>
          <a:lstStyle/>
          <a:p>
            <a:br>
              <a:rPr lang="da-DK" sz="2325">
                <a:solidFill>
                  <a:srgbClr val="FFFFFF"/>
                </a:solidFill>
              </a:rPr>
            </a:br>
            <a:r>
              <a:rPr lang="da-DK" sz="2325">
                <a:solidFill>
                  <a:srgbClr val="FFFFFF"/>
                </a:solidFill>
              </a:rPr>
              <a:t>Grundlovens § 63, stk. 2 efter grundlovsændringen i 1953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6378FD2-7271-405B-A4BE-5359075FDC0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552701" y="2595899"/>
            <a:ext cx="7293023" cy="2762519"/>
          </a:xfrm>
        </p:spPr>
        <p:txBody>
          <a:bodyPr anchor="ctr">
            <a:normAutofit/>
          </a:bodyPr>
          <a:lstStyle/>
          <a:p>
            <a:pPr marL="0" indent="0">
              <a:buNone/>
            </a:pPr>
            <a:r>
              <a:rPr lang="da-DK" sz="1800" i="1" dirty="0">
                <a:latin typeface="Times New Roman" panose="02020603050405020304" pitchFamily="18" charset="0"/>
              </a:rPr>
              <a:t>Stk. 2.</a:t>
            </a:r>
            <a:br>
              <a:rPr lang="da-DK" sz="1800" dirty="0"/>
            </a:br>
            <a:r>
              <a:rPr lang="da-DK" sz="1800" b="1" dirty="0">
                <a:latin typeface="Times New Roman" panose="02020603050405020304" pitchFamily="18" charset="0"/>
              </a:rPr>
              <a:t>Påkendelse af spørgsmål om øvrighedsmyndighedens grænser kan ved lov henlægges til en eller flere forvaltningsdomstole</a:t>
            </a:r>
            <a:r>
              <a:rPr lang="da-DK" sz="1800" dirty="0">
                <a:latin typeface="Times New Roman" panose="02020603050405020304" pitchFamily="18" charset="0"/>
              </a:rPr>
              <a:t>, hvis afgørelse dog skal kunne prøves ved rigets øverste domstol. De nærmere regler herom fastsættes ved lov.</a:t>
            </a:r>
            <a:endParaRPr lang="da-DK" sz="1800" dirty="0"/>
          </a:p>
        </p:txBody>
      </p:sp>
    </p:spTree>
    <p:extLst>
      <p:ext uri="{BB962C8B-B14F-4D97-AF65-F5344CB8AC3E}">
        <p14:creationId xmlns:p14="http://schemas.microsoft.com/office/powerpoint/2010/main" val="126124570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180DAE-6989-118B-61F3-B0062BD34D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27297" y="2523538"/>
            <a:ext cx="10515600" cy="1325563"/>
          </a:xfrm>
        </p:spPr>
        <p:txBody>
          <a:bodyPr>
            <a:normAutofit/>
          </a:bodyPr>
          <a:lstStyle/>
          <a:p>
            <a:r>
              <a:rPr lang="da-DK" sz="4000" dirty="0"/>
              <a:t>…Men forvaltningsdomstole blev alligevel aldrig indført….</a:t>
            </a:r>
          </a:p>
        </p:txBody>
      </p:sp>
    </p:spTree>
    <p:extLst>
      <p:ext uri="{BB962C8B-B14F-4D97-AF65-F5344CB8AC3E}">
        <p14:creationId xmlns:p14="http://schemas.microsoft.com/office/powerpoint/2010/main" val="262761295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955A2079-FA98-4876-80F0-72364A7D2EA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523999" y="857250"/>
            <a:ext cx="9141714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84A19CE-F58A-4A1C-9DA5-F2EBED0EDF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2650" y="1275142"/>
            <a:ext cx="7886700" cy="850124"/>
          </a:xfrm>
        </p:spPr>
        <p:txBody>
          <a:bodyPr>
            <a:normAutofit/>
          </a:bodyPr>
          <a:lstStyle/>
          <a:p>
            <a:pPr algn="ctr"/>
            <a:r>
              <a:rPr lang="da-DK" sz="2700"/>
              <a:t>Råd og nævn i Danmark – historisk perspektiv</a:t>
            </a:r>
            <a:br>
              <a:rPr lang="da-DK" sz="2700"/>
            </a:br>
            <a:r>
              <a:rPr lang="da-DK" sz="2700" b="1"/>
              <a:t>Overfredningsnævnet etableret 1917</a:t>
            </a:r>
          </a:p>
        </p:txBody>
      </p: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A5CBB008-FA74-B350-9569-943CECC3722A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2152650" y="2228850"/>
          <a:ext cx="7886700" cy="326440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39444081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5" name="Rectangle 14">
            <a:extLst>
              <a:ext uri="{FF2B5EF4-FFF2-40B4-BE49-F238E27FC236}">
                <a16:creationId xmlns:a16="http://schemas.microsoft.com/office/drawing/2014/main" id="{6C4028FD-8BAA-4A19-BFDE-594D991B75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523999" y="857250"/>
            <a:ext cx="9141714" cy="5143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en-US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F931A92-7A13-46EC-8792-DB993177E2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2650" y="1274997"/>
            <a:ext cx="7886700" cy="850270"/>
          </a:xfrm>
        </p:spPr>
        <p:txBody>
          <a:bodyPr>
            <a:normAutofit/>
          </a:bodyPr>
          <a:lstStyle/>
          <a:p>
            <a:r>
              <a:rPr lang="da-DK" sz="3000" b="1"/>
              <a:t>I de efterfølgende år oprettes en lang række nævn</a:t>
            </a:r>
          </a:p>
        </p:txBody>
      </p:sp>
      <p:graphicFrame>
        <p:nvGraphicFramePr>
          <p:cNvPr id="5" name="Content Placeholder 2">
            <a:extLst>
              <a:ext uri="{FF2B5EF4-FFF2-40B4-BE49-F238E27FC236}">
                <a16:creationId xmlns:a16="http://schemas.microsoft.com/office/drawing/2014/main" id="{3D6DA336-4BEC-1407-7FBC-AF45AFCF135F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2152650" y="2226469"/>
          <a:ext cx="7886700" cy="326350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888355080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AU">
  <a:themeElements>
    <a:clrScheme name="">
      <a:dk1>
        <a:srgbClr val="000000"/>
      </a:dk1>
      <a:lt1>
        <a:srgbClr val="FFFFFF"/>
      </a:lt1>
      <a:dk2>
        <a:srgbClr val="81A0C6"/>
      </a:dk2>
      <a:lt2>
        <a:srgbClr val="03428E"/>
      </a:lt2>
      <a:accent1>
        <a:srgbClr val="FFFFFF"/>
      </a:accent1>
      <a:accent2>
        <a:srgbClr val="808092"/>
      </a:accent2>
      <a:accent3>
        <a:srgbClr val="FFFFFF"/>
      </a:accent3>
      <a:accent4>
        <a:srgbClr val="000000"/>
      </a:accent4>
      <a:accent5>
        <a:srgbClr val="FFFFFF"/>
      </a:accent5>
      <a:accent6>
        <a:srgbClr val="737384"/>
      </a:accent6>
      <a:hlink>
        <a:srgbClr val="E6ECF4"/>
      </a:hlink>
      <a:folHlink>
        <a:srgbClr val="E5E5E9"/>
      </a:folHlink>
    </a:clrScheme>
    <a:fontScheme name="AU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</a:objectDefaults>
  <a:extraClrSchemeLst>
    <a:extraClrScheme>
      <a:clrScheme name="AU2003 1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BBE0E3"/>
        </a:accent1>
        <a:accent2>
          <a:srgbClr val="333399"/>
        </a:accent2>
        <a:accent3>
          <a:srgbClr val="FFFFFF"/>
        </a:accent3>
        <a:accent4>
          <a:srgbClr val="000000"/>
        </a:accent4>
        <a:accent5>
          <a:srgbClr val="DAEDEF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2">
        <a:dk1>
          <a:srgbClr val="000000"/>
        </a:dk1>
        <a:lt1>
          <a:srgbClr val="FFFFFF"/>
        </a:lt1>
        <a:dk2>
          <a:srgbClr val="000000"/>
        </a:dk2>
        <a:lt2>
          <a:srgbClr val="969696"/>
        </a:lt2>
        <a:accent1>
          <a:srgbClr val="FBDF53"/>
        </a:accent1>
        <a:accent2>
          <a:srgbClr val="FF9966"/>
        </a:accent2>
        <a:accent3>
          <a:srgbClr val="FFFFFF"/>
        </a:accent3>
        <a:accent4>
          <a:srgbClr val="000000"/>
        </a:accent4>
        <a:accent5>
          <a:srgbClr val="FDECB3"/>
        </a:accent5>
        <a:accent6>
          <a:srgbClr val="E78A5C"/>
        </a:accent6>
        <a:hlink>
          <a:srgbClr val="CC3300"/>
        </a:hlink>
        <a:folHlink>
          <a:srgbClr val="9966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3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99CCFF"/>
        </a:accent1>
        <a:accent2>
          <a:srgbClr val="CCCCFF"/>
        </a:accent2>
        <a:accent3>
          <a:srgbClr val="FFFFFF"/>
        </a:accent3>
        <a:accent4>
          <a:srgbClr val="000000"/>
        </a:accent4>
        <a:accent5>
          <a:srgbClr val="CAE2FF"/>
        </a:accent5>
        <a:accent6>
          <a:srgbClr val="B9B9E7"/>
        </a:accent6>
        <a:hlink>
          <a:srgbClr val="3333CC"/>
        </a:hlink>
        <a:folHlink>
          <a:srgbClr val="AF67FF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4">
        <a:dk1>
          <a:srgbClr val="000000"/>
        </a:dk1>
        <a:lt1>
          <a:srgbClr val="DEF6F1"/>
        </a:lt1>
        <a:dk2>
          <a:srgbClr val="000000"/>
        </a:dk2>
        <a:lt2>
          <a:srgbClr val="969696"/>
        </a:lt2>
        <a:accent1>
          <a:srgbClr val="FFFFFF"/>
        </a:accent1>
        <a:accent2>
          <a:srgbClr val="8DC6FF"/>
        </a:accent2>
        <a:accent3>
          <a:srgbClr val="ECFAF7"/>
        </a:accent3>
        <a:accent4>
          <a:srgbClr val="000000"/>
        </a:accent4>
        <a:accent5>
          <a:srgbClr val="FFFFFF"/>
        </a:accent5>
        <a:accent6>
          <a:srgbClr val="7FB3E7"/>
        </a:accent6>
        <a:hlink>
          <a:srgbClr val="0066CC"/>
        </a:hlink>
        <a:folHlink>
          <a:srgbClr val="00A8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5">
        <a:dk1>
          <a:srgbClr val="000000"/>
        </a:dk1>
        <a:lt1>
          <a:srgbClr val="FFFFD9"/>
        </a:lt1>
        <a:dk2>
          <a:srgbClr val="000000"/>
        </a:dk2>
        <a:lt2>
          <a:srgbClr val="777777"/>
        </a:lt2>
        <a:accent1>
          <a:srgbClr val="FFFFF7"/>
        </a:accent1>
        <a:accent2>
          <a:srgbClr val="33CCCC"/>
        </a:accent2>
        <a:accent3>
          <a:srgbClr val="FFFFE9"/>
        </a:accent3>
        <a:accent4>
          <a:srgbClr val="000000"/>
        </a:accent4>
        <a:accent5>
          <a:srgbClr val="FFFFFA"/>
        </a:accent5>
        <a:accent6>
          <a:srgbClr val="2DB9B9"/>
        </a:accent6>
        <a:hlink>
          <a:srgbClr val="FF5050"/>
        </a:hlink>
        <a:folHlink>
          <a:srgbClr val="FF99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6">
        <a:dk1>
          <a:srgbClr val="005A58"/>
        </a:dk1>
        <a:lt1>
          <a:srgbClr val="FFFFFF"/>
        </a:lt1>
        <a:dk2>
          <a:srgbClr val="008080"/>
        </a:dk2>
        <a:lt2>
          <a:srgbClr val="FFFF99"/>
        </a:lt2>
        <a:accent1>
          <a:srgbClr val="006462"/>
        </a:accent1>
        <a:accent2>
          <a:srgbClr val="6D6FC7"/>
        </a:accent2>
        <a:accent3>
          <a:srgbClr val="AAC0C0"/>
        </a:accent3>
        <a:accent4>
          <a:srgbClr val="DADADA"/>
        </a:accent4>
        <a:accent5>
          <a:srgbClr val="AAB8B7"/>
        </a:accent5>
        <a:accent6>
          <a:srgbClr val="6264B4"/>
        </a:accent6>
        <a:hlink>
          <a:srgbClr val="00FFFF"/>
        </a:hlink>
        <a:folHlink>
          <a:srgbClr val="00FF0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7">
        <a:dk1>
          <a:srgbClr val="5C1F00"/>
        </a:dk1>
        <a:lt1>
          <a:srgbClr val="FFFFFF"/>
        </a:lt1>
        <a:dk2>
          <a:srgbClr val="800000"/>
        </a:dk2>
        <a:lt2>
          <a:srgbClr val="DFD293"/>
        </a:lt2>
        <a:accent1>
          <a:srgbClr val="CC3300"/>
        </a:accent1>
        <a:accent2>
          <a:srgbClr val="BE7960"/>
        </a:accent2>
        <a:accent3>
          <a:srgbClr val="C0AAAA"/>
        </a:accent3>
        <a:accent4>
          <a:srgbClr val="DADADA"/>
        </a:accent4>
        <a:accent5>
          <a:srgbClr val="E2ADAA"/>
        </a:accent5>
        <a:accent6>
          <a:srgbClr val="AC6D56"/>
        </a:accent6>
        <a:hlink>
          <a:srgbClr val="FFFF99"/>
        </a:hlink>
        <a:folHlink>
          <a:srgbClr val="D3A21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8">
        <a:dk1>
          <a:srgbClr val="003366"/>
        </a:dk1>
        <a:lt1>
          <a:srgbClr val="FFFFFF"/>
        </a:lt1>
        <a:dk2>
          <a:srgbClr val="000099"/>
        </a:dk2>
        <a:lt2>
          <a:srgbClr val="CCFFFF"/>
        </a:lt2>
        <a:accent1>
          <a:srgbClr val="3366CC"/>
        </a:accent1>
        <a:accent2>
          <a:srgbClr val="00B000"/>
        </a:accent2>
        <a:accent3>
          <a:srgbClr val="AAAACA"/>
        </a:accent3>
        <a:accent4>
          <a:srgbClr val="DADADA"/>
        </a:accent4>
        <a:accent5>
          <a:srgbClr val="ADB8E2"/>
        </a:accent5>
        <a:accent6>
          <a:srgbClr val="009F00"/>
        </a:accent6>
        <a:hlink>
          <a:srgbClr val="66CCFF"/>
        </a:hlink>
        <a:folHlink>
          <a:srgbClr val="FFE701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9">
        <a:dk1>
          <a:srgbClr val="336699"/>
        </a:dk1>
        <a:lt1>
          <a:srgbClr val="FFFFFF"/>
        </a:lt1>
        <a:dk2>
          <a:srgbClr val="000000"/>
        </a:dk2>
        <a:lt2>
          <a:srgbClr val="E3EBF1"/>
        </a:lt2>
        <a:accent1>
          <a:srgbClr val="003399"/>
        </a:accent1>
        <a:accent2>
          <a:srgbClr val="468A4B"/>
        </a:accent2>
        <a:accent3>
          <a:srgbClr val="AAAAAA"/>
        </a:accent3>
        <a:accent4>
          <a:srgbClr val="DADADA"/>
        </a:accent4>
        <a:accent5>
          <a:srgbClr val="AAADCA"/>
        </a:accent5>
        <a:accent6>
          <a:srgbClr val="3F7D43"/>
        </a:accent6>
        <a:hlink>
          <a:srgbClr val="66CCFF"/>
        </a:hlink>
        <a:folHlink>
          <a:srgbClr val="F0E50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10">
        <a:dk1>
          <a:srgbClr val="777777"/>
        </a:dk1>
        <a:lt1>
          <a:srgbClr val="FFFFFF"/>
        </a:lt1>
        <a:dk2>
          <a:srgbClr val="686B5D"/>
        </a:dk2>
        <a:lt2>
          <a:srgbClr val="D1D1CB"/>
        </a:lt2>
        <a:accent1>
          <a:srgbClr val="909082"/>
        </a:accent1>
        <a:accent2>
          <a:srgbClr val="809EA8"/>
        </a:accent2>
        <a:accent3>
          <a:srgbClr val="B9BAB6"/>
        </a:accent3>
        <a:accent4>
          <a:srgbClr val="DADADA"/>
        </a:accent4>
        <a:accent5>
          <a:srgbClr val="C6C6C1"/>
        </a:accent5>
        <a:accent6>
          <a:srgbClr val="738F98"/>
        </a:accent6>
        <a:hlink>
          <a:srgbClr val="FFCC66"/>
        </a:hlink>
        <a:folHlink>
          <a:srgbClr val="E9DCB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11">
        <a:dk1>
          <a:srgbClr val="3E3E5C"/>
        </a:dk1>
        <a:lt1>
          <a:srgbClr val="FFFFFF"/>
        </a:lt1>
        <a:dk2>
          <a:srgbClr val="666699"/>
        </a:dk2>
        <a:lt2>
          <a:srgbClr val="FFFFFF"/>
        </a:lt2>
        <a:accent1>
          <a:srgbClr val="60597B"/>
        </a:accent1>
        <a:accent2>
          <a:srgbClr val="6666FF"/>
        </a:accent2>
        <a:accent3>
          <a:srgbClr val="B8B8CA"/>
        </a:accent3>
        <a:accent4>
          <a:srgbClr val="DADADA"/>
        </a:accent4>
        <a:accent5>
          <a:srgbClr val="B6B5BF"/>
        </a:accent5>
        <a:accent6>
          <a:srgbClr val="5C5CE7"/>
        </a:accent6>
        <a:hlink>
          <a:srgbClr val="99CCFF"/>
        </a:hlink>
        <a:folHlink>
          <a:srgbClr val="FFFF9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12">
        <a:dk1>
          <a:srgbClr val="2D2015"/>
        </a:dk1>
        <a:lt1>
          <a:srgbClr val="FFFFFF"/>
        </a:lt1>
        <a:dk2>
          <a:srgbClr val="523E26"/>
        </a:dk2>
        <a:lt2>
          <a:srgbClr val="DFC08D"/>
        </a:lt2>
        <a:accent1>
          <a:srgbClr val="8C7B70"/>
        </a:accent1>
        <a:accent2>
          <a:srgbClr val="8F5F2F"/>
        </a:accent2>
        <a:accent3>
          <a:srgbClr val="B3AFAC"/>
        </a:accent3>
        <a:accent4>
          <a:srgbClr val="DADADA"/>
        </a:accent4>
        <a:accent5>
          <a:srgbClr val="C5BFBB"/>
        </a:accent5>
        <a:accent6>
          <a:srgbClr val="81552A"/>
        </a:accent6>
        <a:hlink>
          <a:srgbClr val="CCB400"/>
        </a:hlink>
        <a:folHlink>
          <a:srgbClr val="8C9EA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13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03428E"/>
        </a:accent1>
        <a:accent2>
          <a:srgbClr val="333399"/>
        </a:accent2>
        <a:accent3>
          <a:srgbClr val="FFFFFF"/>
        </a:accent3>
        <a:accent4>
          <a:srgbClr val="000000"/>
        </a:accent4>
        <a:accent5>
          <a:srgbClr val="AAB0C6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14">
        <a:dk1>
          <a:srgbClr val="000000"/>
        </a:dk1>
        <a:lt1>
          <a:srgbClr val="0066FF"/>
        </a:lt1>
        <a:dk2>
          <a:srgbClr val="000000"/>
        </a:dk2>
        <a:lt2>
          <a:srgbClr val="808080"/>
        </a:lt2>
        <a:accent1>
          <a:srgbClr val="03428E"/>
        </a:accent1>
        <a:accent2>
          <a:srgbClr val="333399"/>
        </a:accent2>
        <a:accent3>
          <a:srgbClr val="AAB8FF"/>
        </a:accent3>
        <a:accent4>
          <a:srgbClr val="000000"/>
        </a:accent4>
        <a:accent5>
          <a:srgbClr val="AAB0C6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15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197932"/>
        </a:accent1>
        <a:accent2>
          <a:srgbClr val="333399"/>
        </a:accent2>
        <a:accent3>
          <a:srgbClr val="FFFFFF"/>
        </a:accent3>
        <a:accent4>
          <a:srgbClr val="000000"/>
        </a:accent4>
        <a:accent5>
          <a:srgbClr val="ABBEAD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16">
        <a:dk1>
          <a:srgbClr val="000000"/>
        </a:dk1>
        <a:lt1>
          <a:srgbClr val="FFFFFF"/>
        </a:lt1>
        <a:dk2>
          <a:srgbClr val="000000"/>
        </a:dk2>
        <a:lt2>
          <a:srgbClr val="808092"/>
        </a:lt2>
        <a:accent1>
          <a:srgbClr val="03428E"/>
        </a:accent1>
        <a:accent2>
          <a:srgbClr val="81A0C6"/>
        </a:accent2>
        <a:accent3>
          <a:srgbClr val="FFFFFF"/>
        </a:accent3>
        <a:accent4>
          <a:srgbClr val="000000"/>
        </a:accent4>
        <a:accent5>
          <a:srgbClr val="AAB0C6"/>
        </a:accent5>
        <a:accent6>
          <a:srgbClr val="7491B3"/>
        </a:accent6>
        <a:hlink>
          <a:srgbClr val="E6ECF4"/>
        </a:hlink>
        <a:folHlink>
          <a:srgbClr val="E5E5E9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3_Office Theme">
  <a:themeElements>
    <a:clrScheme name="Office Them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 Them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8A405656-6C4F-4C73-958C-1744EC0D04F1}">
  <ds:schemaRefs/>
</ds:datastoreItem>
</file>

<file path=customXml/itemProps2.xml><?xml version="1.0" encoding="utf-8"?>
<ds:datastoreItem xmlns:ds="http://schemas.openxmlformats.org/officeDocument/2006/customXml" ds:itemID="{E3874ABC-2065-4A7D-A58C-B9BA277BFB1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722</Words>
  <Application>Microsoft Office PowerPoint</Application>
  <PresentationFormat>Widescreen</PresentationFormat>
  <Paragraphs>131</Paragraphs>
  <Slides>17</Slides>
  <Notes>7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8</vt:i4>
      </vt:variant>
      <vt:variant>
        <vt:lpstr>Tema</vt:lpstr>
      </vt:variant>
      <vt:variant>
        <vt:i4>4</vt:i4>
      </vt:variant>
      <vt:variant>
        <vt:lpstr>Slidetitler</vt:lpstr>
      </vt:variant>
      <vt:variant>
        <vt:i4>17</vt:i4>
      </vt:variant>
    </vt:vector>
  </HeadingPairs>
  <TitlesOfParts>
    <vt:vector size="29" baseType="lpstr">
      <vt:lpstr>Arial</vt:lpstr>
      <vt:lpstr>AU Passata</vt:lpstr>
      <vt:lpstr>AU Peto</vt:lpstr>
      <vt:lpstr>Calibri</vt:lpstr>
      <vt:lpstr>Calibri Light</vt:lpstr>
      <vt:lpstr>Questa-Regular</vt:lpstr>
      <vt:lpstr>Times New Roman</vt:lpstr>
      <vt:lpstr>Wingdings</vt:lpstr>
      <vt:lpstr>Blank</vt:lpstr>
      <vt:lpstr>AU</vt:lpstr>
      <vt:lpstr>Office Theme</vt:lpstr>
      <vt:lpstr>3_Office Theme</vt:lpstr>
      <vt:lpstr>INFORMATION OM ANKESTYRELSENS ROLLE OG OPGAVER</vt:lpstr>
      <vt:lpstr> The king can do no wrong</vt:lpstr>
      <vt:lpstr>Grundlæggelsen af den vestlige retsstat </vt:lpstr>
      <vt:lpstr>PowerPoint-præsentation</vt:lpstr>
      <vt:lpstr>Hvorfor kom forvaltningsdomstole ikke ind i retsplejeloven? </vt:lpstr>
      <vt:lpstr> Grundlovens § 63, stk. 2 efter grundlovsændringen i 1953</vt:lpstr>
      <vt:lpstr>…Men forvaltningsdomstole blev alligevel aldrig indført….</vt:lpstr>
      <vt:lpstr>Råd og nævn i Danmark – historisk perspektiv Overfredningsnævnet etableret 1917</vt:lpstr>
      <vt:lpstr>I de efterfølgende år oprettes en lang række nævn</vt:lpstr>
      <vt:lpstr>Grundlovens § 55</vt:lpstr>
      <vt:lpstr>Ombudsmanden som substitut</vt:lpstr>
      <vt:lpstr>PowerPoint-præsentation</vt:lpstr>
      <vt:lpstr>Ankestyrelsens tre opgaver</vt:lpstr>
      <vt:lpstr>Klagesager (pligtsager)</vt:lpstr>
      <vt:lpstr>klagesager</vt:lpstr>
      <vt:lpstr>Beføjelser, når der ikke er indgivet klage</vt:lpstr>
      <vt:lpstr>Særligt om adoption uden samtykke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1-17T14:11:16Z</dcterms:created>
  <dcterms:modified xsi:type="dcterms:W3CDTF">2024-01-18T05:49:0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15823619621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